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6126880\Documents\03 HP・保健業務サイト管理\チェックリストの更新（車いすや多言語対応）(R3.6)\令和４年度更新\ホームページ更新用\"/>
    </mc:Choice>
  </mc:AlternateContent>
  <bookViews>
    <workbookView xWindow="0" yWindow="0" windowWidth="20490" windowHeight="7530"/>
  </bookViews>
  <sheets>
    <sheet name="肺" sheetId="1" r:id="rId1"/>
  </sheets>
  <definedNames>
    <definedName name="_xlnm._FilterDatabase" localSheetId="0" hidden="1">肺!$A$1:$K$228</definedName>
    <definedName name="_xlnm.Print_Area" localSheetId="0">肺!$A$1:$P$181</definedName>
    <definedName name="_xlnm.Print_Titles" localSheetId="0">肺!$1:$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19" uniqueCount="577">
  <si>
    <t>大阪市　肺がん検診 取扱医療機関　　　（令和4年3月4日現在）</t>
    <rPh sb="0" eb="3">
      <t>オオサカシ</t>
    </rPh>
    <rPh sb="4" eb="5">
      <t>ハイ</t>
    </rPh>
    <rPh sb="7" eb="9">
      <t>ケンシン</t>
    </rPh>
    <rPh sb="10" eb="12">
      <t>トリアツカイ</t>
    </rPh>
    <rPh sb="12" eb="14">
      <t>イリョウ</t>
    </rPh>
    <rPh sb="14" eb="16">
      <t>キカン</t>
    </rPh>
    <rPh sb="20" eb="22">
      <t>レイワ</t>
    </rPh>
    <rPh sb="23" eb="24">
      <t>ネン</t>
    </rPh>
    <rPh sb="25" eb="26">
      <t>ガツ</t>
    </rPh>
    <rPh sb="27" eb="28">
      <t>ニチ</t>
    </rPh>
    <rPh sb="28" eb="30">
      <t>ゲンザイ</t>
    </rPh>
    <phoneticPr fontId="4"/>
  </si>
  <si>
    <t>検診予約の必要性や車いすの方の受診、平日夜間や土日に受診ができる機関の一覧です。</t>
    <rPh sb="0" eb="2">
      <t>ケンシン</t>
    </rPh>
    <rPh sb="2" eb="4">
      <t>ヨヤク</t>
    </rPh>
    <rPh sb="5" eb="7">
      <t>ヒツヨウ</t>
    </rPh>
    <rPh sb="9" eb="10">
      <t>クルマ</t>
    </rPh>
    <rPh sb="13" eb="14">
      <t>カタ</t>
    </rPh>
    <rPh sb="15" eb="17">
      <t>ジュシン</t>
    </rPh>
    <rPh sb="18" eb="20">
      <t>ヘイジツ</t>
    </rPh>
    <rPh sb="20" eb="22">
      <t>ヤカン</t>
    </rPh>
    <rPh sb="23" eb="25">
      <t>ドニチ</t>
    </rPh>
    <rPh sb="26" eb="28">
      <t>ジュシン</t>
    </rPh>
    <rPh sb="32" eb="34">
      <t>キカン</t>
    </rPh>
    <rPh sb="35" eb="37">
      <t>イチラン</t>
    </rPh>
    <phoneticPr fontId="4"/>
  </si>
  <si>
    <t>※検診予約・車いす・土日夜間・外国語の情報はホームページへの掲載を承諾いただいた医療機関の情報のみ掲載しています。</t>
    <phoneticPr fontId="3"/>
  </si>
  <si>
    <t>※掲載内容は令和4年1.2月に回答いただいた内容を反映していますので、変更または中止されていることがあります。</t>
    <rPh sb="1" eb="3">
      <t>ケイサイ</t>
    </rPh>
    <rPh sb="3" eb="5">
      <t>ナイヨウ</t>
    </rPh>
    <rPh sb="35" eb="37">
      <t>ヘンコウ</t>
    </rPh>
    <rPh sb="40" eb="42">
      <t>チュウシ</t>
    </rPh>
    <phoneticPr fontId="4"/>
  </si>
  <si>
    <r>
      <t>※</t>
    </r>
    <r>
      <rPr>
        <b/>
        <sz val="9"/>
        <color theme="1"/>
        <rFont val="游ゴシック"/>
        <family val="3"/>
        <charset val="128"/>
        <scheme val="minor"/>
      </rPr>
      <t>△は「時間帯や曜日によって可能である」</t>
    </r>
    <r>
      <rPr>
        <sz val="9"/>
        <color theme="1"/>
        <rFont val="游ゴシック"/>
        <family val="3"/>
        <charset val="128"/>
        <scheme val="minor"/>
      </rPr>
      <t>ということを示しています。詳しくは各医療機関に直接お問い合わせください。</t>
    </r>
    <phoneticPr fontId="4"/>
  </si>
  <si>
    <t>区</t>
    <rPh sb="0" eb="1">
      <t>ク</t>
    </rPh>
    <phoneticPr fontId="3"/>
  </si>
  <si>
    <t>医療機関名</t>
    <rPh sb="0" eb="2">
      <t>イリョウ</t>
    </rPh>
    <rPh sb="2" eb="4">
      <t>キカン</t>
    </rPh>
    <rPh sb="4" eb="5">
      <t>メイ</t>
    </rPh>
    <phoneticPr fontId="4"/>
  </si>
  <si>
    <t>住所</t>
  </si>
  <si>
    <t>電話番号</t>
  </si>
  <si>
    <t>検診予約
必要</t>
    <rPh sb="0" eb="2">
      <t>ケンシン</t>
    </rPh>
    <rPh sb="2" eb="4">
      <t>ヨヤク</t>
    </rPh>
    <rPh sb="5" eb="7">
      <t>ヒツヨウ</t>
    </rPh>
    <phoneticPr fontId="4"/>
  </si>
  <si>
    <t>車いす対応</t>
    <rPh sb="0" eb="1">
      <t>クルマ</t>
    </rPh>
    <rPh sb="3" eb="5">
      <t>タイオウ</t>
    </rPh>
    <phoneticPr fontId="4"/>
  </si>
  <si>
    <t>土曜ＡＭ</t>
    <rPh sb="0" eb="2">
      <t>ドヨウ</t>
    </rPh>
    <phoneticPr fontId="4"/>
  </si>
  <si>
    <t>土曜PＭ</t>
    <rPh sb="0" eb="2">
      <t>ドヨウ</t>
    </rPh>
    <phoneticPr fontId="4"/>
  </si>
  <si>
    <t>日曜ＡＭ</t>
    <rPh sb="0" eb="2">
      <t>ニチヨウ</t>
    </rPh>
    <phoneticPr fontId="4"/>
  </si>
  <si>
    <t>日曜PＭ</t>
    <rPh sb="0" eb="2">
      <t>ニチヨウ</t>
    </rPh>
    <phoneticPr fontId="4"/>
  </si>
  <si>
    <t>平日夜診</t>
    <rPh sb="0" eb="2">
      <t>ヘイジツ</t>
    </rPh>
    <rPh sb="2" eb="3">
      <t>ヨル</t>
    </rPh>
    <rPh sb="3" eb="4">
      <t>シン</t>
    </rPh>
    <phoneticPr fontId="4"/>
  </si>
  <si>
    <t>英語</t>
    <rPh sb="0" eb="2">
      <t>エイゴ</t>
    </rPh>
    <phoneticPr fontId="4"/>
  </si>
  <si>
    <r>
      <rPr>
        <b/>
        <sz val="10"/>
        <rFont val="ＭＳ Ｐゴシック"/>
        <family val="3"/>
        <charset val="128"/>
      </rPr>
      <t>韓国語</t>
    </r>
    <r>
      <rPr>
        <b/>
        <sz val="11"/>
        <rFont val="ＭＳ Ｐゴシック"/>
        <family val="3"/>
        <charset val="128"/>
      </rPr>
      <t>　</t>
    </r>
    <rPh sb="0" eb="3">
      <t>カンコクゴ</t>
    </rPh>
    <phoneticPr fontId="4"/>
  </si>
  <si>
    <t>中国語</t>
    <rPh sb="0" eb="3">
      <t>チュウゴクゴ</t>
    </rPh>
    <phoneticPr fontId="4"/>
  </si>
  <si>
    <t>その他</t>
    <rPh sb="2" eb="3">
      <t>タ</t>
    </rPh>
    <phoneticPr fontId="4"/>
  </si>
  <si>
    <t>北区</t>
  </si>
  <si>
    <t>（社医）協和会　加納総合病院</t>
  </si>
  <si>
    <t>北区天神橋７-５-１５</t>
  </si>
  <si>
    <t>6351-5381</t>
  </si>
  <si>
    <t>○</t>
  </si>
  <si>
    <t/>
  </si>
  <si>
    <t>（医）メディカル春日会　革嶋クリニック</t>
  </si>
  <si>
    <t>北区梅田2-4-13阪神産経桜橋ビル2階</t>
  </si>
  <si>
    <t>6455-2000</t>
  </si>
  <si>
    <t>△（ポケトーク）</t>
    <phoneticPr fontId="3"/>
  </si>
  <si>
    <t>（医）真生会　ラジオロジークリニック扇町</t>
  </si>
  <si>
    <t>北区神山町１－７アーバネックス神山町ビル２階</t>
  </si>
  <si>
    <t>6311-7500</t>
  </si>
  <si>
    <t>△</t>
  </si>
  <si>
    <t>イー健診センター</t>
  </si>
  <si>
    <t>北区本庄西１－１３－１５ナオミビル２階</t>
  </si>
  <si>
    <t>6292-0166</t>
  </si>
  <si>
    <t>（医）佐藤内科クリニック</t>
  </si>
  <si>
    <t>北区天神橋４－６－１４</t>
  </si>
  <si>
    <t>ポケトーク</t>
    <phoneticPr fontId="3"/>
  </si>
  <si>
    <t>ポケトーク</t>
  </si>
  <si>
    <t>（社医）行岡医学研究会　行岡病院</t>
  </si>
  <si>
    <t>北区浮田２－２－３</t>
  </si>
  <si>
    <t>6371-9921</t>
  </si>
  <si>
    <t>（医）八杉クリニック</t>
  </si>
  <si>
    <t>北区池田町1-75ストークマンション天満１０２～１０３</t>
  </si>
  <si>
    <t>6353-0505</t>
  </si>
  <si>
    <t>今村クリニック</t>
  </si>
  <si>
    <t>北区梅田3-1-1サウスゲートビル17Ｆ</t>
  </si>
  <si>
    <t>6341-5881</t>
  </si>
  <si>
    <t>都島区</t>
  </si>
  <si>
    <t>（医）京昭会　ツヂ病院</t>
  </si>
  <si>
    <t>都島区都島北通１－２２－６</t>
  </si>
  <si>
    <t>6922-1236</t>
  </si>
  <si>
    <t>なにわ保健生活協同組合　コープ都島クリニック</t>
  </si>
  <si>
    <t>都島区都島本通３－１７－１０</t>
  </si>
  <si>
    <t>6923-3719</t>
  </si>
  <si>
    <t>（医）桜希会　東朋病院</t>
  </si>
  <si>
    <t>都島区都島南通２－８－９</t>
  </si>
  <si>
    <t>6955-8710</t>
  </si>
  <si>
    <t>（医）竹村クリニック</t>
  </si>
  <si>
    <t>都島区都島本通３－７－８高橋ビル1F</t>
  </si>
  <si>
    <t>6921-3541</t>
  </si>
  <si>
    <t>（医）尽生会　聖和病院</t>
  </si>
  <si>
    <t>都島区中野町１－７－３２</t>
  </si>
  <si>
    <t>6352-2525</t>
  </si>
  <si>
    <t>（医）新明会　神原病院</t>
  </si>
  <si>
    <t>都島区高倉町１－１０－５</t>
  </si>
  <si>
    <t>6923-3351</t>
  </si>
  <si>
    <t>なにわ保健生活協同組合　コープ淀川クリニック</t>
  </si>
  <si>
    <t>都島区毛馬町４－４－６</t>
  </si>
  <si>
    <t>6927-1135</t>
  </si>
  <si>
    <t>福島区</t>
  </si>
  <si>
    <t>福島医療生活協同組合　野田診療所</t>
  </si>
  <si>
    <t>福島区野田３－１３－４４</t>
  </si>
  <si>
    <t>6461-6770</t>
  </si>
  <si>
    <t>（医）美和会　平成野田クリニック</t>
  </si>
  <si>
    <t>福島区吉野1-22-18</t>
  </si>
  <si>
    <t>6448-5241</t>
  </si>
  <si>
    <t>おおしもクリニック</t>
  </si>
  <si>
    <t>福島区福島5-16-15福島宮脇ビル３Ｆ</t>
  </si>
  <si>
    <t>4796-7561</t>
  </si>
  <si>
    <t>此花区</t>
  </si>
  <si>
    <t>（社福）大阪暁明館　大阪暁明館病院</t>
  </si>
  <si>
    <t>此花区西九条5-4-8</t>
  </si>
  <si>
    <t>6462-0261</t>
  </si>
  <si>
    <t>（公財）淀川勤労者厚生協会附属　此花診療所</t>
  </si>
  <si>
    <t>此花区春日出北１－１－２５</t>
  </si>
  <si>
    <t>6463-2222</t>
  </si>
  <si>
    <t>（公財）淀川勤労者厚生協会附属　伝法高見診療所</t>
  </si>
  <si>
    <t>此花区高見２－５－９</t>
  </si>
  <si>
    <t>6461-5605</t>
  </si>
  <si>
    <t>（公財）淀川勤労者厚生協会附属　酉島診療所</t>
  </si>
  <si>
    <t>此花区酉島４－２－３</t>
  </si>
  <si>
    <t>6461-4459</t>
  </si>
  <si>
    <t>中央区</t>
  </si>
  <si>
    <t>（医）朋愛会　淀屋橋健診プラザ</t>
  </si>
  <si>
    <t>中央区伏見町４－１－１明治安田生命大阪御堂筋ビル４階</t>
  </si>
  <si>
    <t>6232-7770</t>
  </si>
  <si>
    <t>（一財）大阪市環境保健協会附設診療所</t>
  </si>
  <si>
    <t>中央区大手前２－１－７</t>
  </si>
  <si>
    <t>4792-7080</t>
  </si>
  <si>
    <t>関西医科大学　天満橋総合クリニック</t>
  </si>
  <si>
    <t>中央区大手前1-7-31</t>
  </si>
  <si>
    <t>6943-2260</t>
  </si>
  <si>
    <t>（医）大織会　大織診療所</t>
  </si>
  <si>
    <t>中央区瓦町２－６－９</t>
  </si>
  <si>
    <t>6203-1153</t>
  </si>
  <si>
    <t>安田クリニック</t>
  </si>
  <si>
    <t>中央区心斎橋筋１－４－７</t>
  </si>
  <si>
    <t>6241-5151</t>
  </si>
  <si>
    <t>新長堀診療所</t>
  </si>
  <si>
    <t>中央区島之内１－１１－１８</t>
  </si>
  <si>
    <t>6251-0501</t>
  </si>
  <si>
    <t>西沢クリニック</t>
  </si>
  <si>
    <t>中央区北浜２－３－９入商八木ビル１階</t>
  </si>
  <si>
    <t>4706-3900</t>
  </si>
  <si>
    <t>生活協同組合ヘルスコープおおさか　うえに生協診療所</t>
  </si>
  <si>
    <t>中央区玉造１－８－７</t>
  </si>
  <si>
    <t>4304-3120</t>
  </si>
  <si>
    <t>（医）今村クリニック　ＯＢＰ今村クリニック</t>
  </si>
  <si>
    <t>中央区城見２－２－22マルイトＯＢＰビル１階</t>
  </si>
  <si>
    <t>4791-9902</t>
  </si>
  <si>
    <t>（医）橘甲会　橘甲会クリニック</t>
  </si>
  <si>
    <t>中央区内久宝寺町３－４－１</t>
  </si>
  <si>
    <t>6943-1306</t>
  </si>
  <si>
    <t>小畠クリニック</t>
  </si>
  <si>
    <t>中央区東心斎橋２－５－２７幸田ビル３Ｆ</t>
  </si>
  <si>
    <t>6211-2119</t>
  </si>
  <si>
    <t>もり内科皮膚科クリニック</t>
  </si>
  <si>
    <t>中央区谷町6丁目4-14メルベーユ谷町1階</t>
  </si>
  <si>
    <t>6767-0050</t>
  </si>
  <si>
    <t>（医）崇孝会　長堀分院</t>
  </si>
  <si>
    <t>中央区島之内１－２１－２４ファーストＫビル３F</t>
  </si>
  <si>
    <t>6252-6750</t>
  </si>
  <si>
    <t>（医）松本内科クリニック</t>
  </si>
  <si>
    <t>中央区谷町6-3-2</t>
  </si>
  <si>
    <t>6768-6611</t>
  </si>
  <si>
    <t>（医）佳樹会のりおかクリニック</t>
  </si>
  <si>
    <t>中央区徳井町１－２－２</t>
  </si>
  <si>
    <t>6943-6005</t>
  </si>
  <si>
    <t>浅田クリニック</t>
  </si>
  <si>
    <t>中央区安土町２－４－１浅田屋メディカルビル１階</t>
  </si>
  <si>
    <t>6266-1173</t>
  </si>
  <si>
    <t>（一財）大阪府結核予防会　大阪総合健診センター（相談診療所）</t>
  </si>
  <si>
    <t>中央区道修町４－６－５</t>
  </si>
  <si>
    <t>6202-6666</t>
  </si>
  <si>
    <t>トミタクリニック</t>
  </si>
  <si>
    <t>中央区淡路町４－７－２</t>
  </si>
  <si>
    <t>6203-7636</t>
  </si>
  <si>
    <t>西区</t>
  </si>
  <si>
    <t>（公社）日本海員掖済会　大阪掖済会病院</t>
  </si>
  <si>
    <t>西区本田２－１－１０</t>
  </si>
  <si>
    <t>6581-2881</t>
  </si>
  <si>
    <t>（医）名山会　上杉医院</t>
  </si>
  <si>
    <t>西区九条３－２０－１４</t>
  </si>
  <si>
    <t>6582-1800</t>
  </si>
  <si>
    <t>フランス語、ドイツ語他（ポケトーク）</t>
  </si>
  <si>
    <t>（医）佐々医院</t>
  </si>
  <si>
    <t>西区九条３－２３－６</t>
  </si>
  <si>
    <t>6581-2070</t>
  </si>
  <si>
    <t>（医）弘清会　四ツ橋診療所</t>
  </si>
  <si>
    <t>西区新町１－２２－９</t>
  </si>
  <si>
    <t>6532-0148</t>
  </si>
  <si>
    <t>九条サクラ診療所</t>
  </si>
  <si>
    <t>西区九条２－２３－１３</t>
  </si>
  <si>
    <t>6585-3470</t>
  </si>
  <si>
    <t>（医）幸優会上嶋内科消化器科クリニック</t>
  </si>
  <si>
    <t>西区北堀江1-5-4四ツ橋サンビル4階</t>
  </si>
  <si>
    <t>6536-0700</t>
  </si>
  <si>
    <t>（医）天野医院</t>
  </si>
  <si>
    <t>西区北堀江4-6-8</t>
  </si>
  <si>
    <t>6535-0475</t>
  </si>
  <si>
    <t>うつぼ　Ｇａｒｄｅｎ　Ｃｌｉｎｉｃ</t>
  </si>
  <si>
    <t>西区京町堀１－３－１３辰巳ビル１階</t>
  </si>
  <si>
    <t>6136-6408</t>
  </si>
  <si>
    <t>港区</t>
  </si>
  <si>
    <t>（独法）地域医療機能推進機構　大阪みなと中央病院</t>
  </si>
  <si>
    <t>港区磯路１－７－１</t>
  </si>
  <si>
    <t>6572-5721</t>
  </si>
  <si>
    <t>船員保険大阪健康管理センター</t>
  </si>
  <si>
    <t>港区築港1-8-22</t>
  </si>
  <si>
    <t>6576-1011</t>
  </si>
  <si>
    <t>ポケトーク等の機器で対応</t>
  </si>
  <si>
    <t>（社医）きつこう会　多根クリニック</t>
  </si>
  <si>
    <t>港区弁天１－２　２－６００号　オーク２００　２番街６階</t>
  </si>
  <si>
    <t>6577-1881</t>
  </si>
  <si>
    <t>大阪きづがわ医療福祉生活協同組合　みなと生協診療所</t>
  </si>
  <si>
    <t>港区磯路３－３－４</t>
  </si>
  <si>
    <t>6571-5594</t>
  </si>
  <si>
    <t>大正区</t>
  </si>
  <si>
    <t>（社福）恩賜財団　大阪府済生会泉尾病院</t>
  </si>
  <si>
    <t>大正区北村３－４－５</t>
  </si>
  <si>
    <t>7659-6111</t>
  </si>
  <si>
    <t>（医）彰療会　大正病院</t>
  </si>
  <si>
    <t>大正区三軒家東５－５－１６</t>
  </si>
  <si>
    <t>6552-0621</t>
  </si>
  <si>
    <t>大阪きづがわ医療福祉生活協同組合　たいしょう生協診療所</t>
  </si>
  <si>
    <t>大正区千島１－２０－１２</t>
  </si>
  <si>
    <t>6554-1197</t>
  </si>
  <si>
    <t>（医）良仁会　西村外科</t>
  </si>
  <si>
    <t>大正区平尾４－２２－１５</t>
  </si>
  <si>
    <t>6552-2288</t>
  </si>
  <si>
    <t>（医）しまもとクリニック</t>
  </si>
  <si>
    <t>大正区千島3-11-4</t>
  </si>
  <si>
    <t>6555-8655</t>
  </si>
  <si>
    <t>天王寺区</t>
  </si>
  <si>
    <t>遠藤クリニック</t>
  </si>
  <si>
    <t>天王寺区上汐５－５－２</t>
  </si>
  <si>
    <t>6772-4997</t>
  </si>
  <si>
    <t>（医）松徳会　桃山クリニック</t>
  </si>
  <si>
    <t>天王寺区筆ｹ崎町2-22VitaMomoyama2F</t>
  </si>
  <si>
    <t>6773-8306</t>
  </si>
  <si>
    <t>（医）社団　湯川胃腸病院</t>
  </si>
  <si>
    <t>天王寺区堂ヶ芝２－１０－２</t>
  </si>
  <si>
    <t>6771-4861</t>
  </si>
  <si>
    <t>（医）中村医院</t>
  </si>
  <si>
    <t>天王寺区玉造元町４－３</t>
  </si>
  <si>
    <t>6766-1223</t>
  </si>
  <si>
    <t>浪速区</t>
  </si>
  <si>
    <t>（医）入野医院</t>
  </si>
  <si>
    <t>浪速区元町2-3-19</t>
  </si>
  <si>
    <t>6634-0350</t>
  </si>
  <si>
    <t>（社医）弘道会　なにわ生野病院</t>
  </si>
  <si>
    <t>浪速区大国1-10-3</t>
  </si>
  <si>
    <t>6632-9915</t>
  </si>
  <si>
    <t>（医）正光会　橋村医院</t>
  </si>
  <si>
    <t>浪速区大国2-6-11</t>
  </si>
  <si>
    <t>6641-6512</t>
  </si>
  <si>
    <t>社会医療法人寿会　富永クリニック</t>
  </si>
  <si>
    <t>浪速区敷津西２－２－１４</t>
  </si>
  <si>
    <t>6643-2660</t>
  </si>
  <si>
    <t>西淀川区</t>
  </si>
  <si>
    <t>（公財）淀川勤労者厚生協会附属　西淀病院</t>
  </si>
  <si>
    <t>西淀川区野里３－５－２２</t>
  </si>
  <si>
    <t>6472-1141</t>
  </si>
  <si>
    <t>（社医）愛仁会　千船病院</t>
  </si>
  <si>
    <t>西淀川区福町3-2-39</t>
  </si>
  <si>
    <t>6471-9541</t>
  </si>
  <si>
    <t>（公財）淀川勤労者厚生協会附属　千北診療所</t>
  </si>
  <si>
    <t>西淀川区大和田5-5-3</t>
  </si>
  <si>
    <t>6473-1864</t>
  </si>
  <si>
    <t>ベトナム語（ポケトーク）</t>
  </si>
  <si>
    <t>（公財）淀川勤労者厚生協会附属　姫島診療所</t>
  </si>
  <si>
    <t>西淀川区姫島２－１３－２０</t>
  </si>
  <si>
    <t>6473-5151</t>
  </si>
  <si>
    <t>（医）博悠会　名取病院</t>
  </si>
  <si>
    <t>西淀川区大野２－１－３２</t>
  </si>
  <si>
    <t>6474-0506</t>
  </si>
  <si>
    <t>（医）波津診療所</t>
  </si>
  <si>
    <t>西淀川区姫島１－１８－１２</t>
  </si>
  <si>
    <t>6475-5067</t>
  </si>
  <si>
    <t>（医）静風会　杉浦福町診療所</t>
  </si>
  <si>
    <t>西淀川区福町２－８－７</t>
  </si>
  <si>
    <t>6473-0117</t>
  </si>
  <si>
    <t>じくはら医院</t>
  </si>
  <si>
    <t>西淀川区佃3-7-32</t>
  </si>
  <si>
    <t>6472-4407</t>
  </si>
  <si>
    <t>（医）田井内科クリニック</t>
  </si>
  <si>
    <t>西淀川区佃3-19-11ルネッサンスクレージュ１階</t>
  </si>
  <si>
    <t>6195-1636</t>
  </si>
  <si>
    <t>淀川区</t>
  </si>
  <si>
    <t>（医）敬節会　西中島クリニック</t>
  </si>
  <si>
    <t>淀川区西中島３－２－１１</t>
  </si>
  <si>
    <t>6301-5706</t>
  </si>
  <si>
    <t>（医）健人会　那須クリニック</t>
  </si>
  <si>
    <t>淀川区西中島４－４－２１サンノビル</t>
  </si>
  <si>
    <t>6308-3908</t>
  </si>
  <si>
    <t>（医）秀壮会　秀壮会クリニック</t>
  </si>
  <si>
    <t>淀川区塚本2-19-12</t>
  </si>
  <si>
    <t>6302-1138</t>
  </si>
  <si>
    <t>（医）秀壮会　第２秀壮会クリニック</t>
  </si>
  <si>
    <t>淀川区十三本町１－１２－１５ドルチエヴィータファーストビル２Ｆ</t>
  </si>
  <si>
    <t>6309-1118</t>
  </si>
  <si>
    <t>渡辺医院</t>
  </si>
  <si>
    <t>淀川区塚本２－１０－１４</t>
  </si>
  <si>
    <t>6302-5261</t>
  </si>
  <si>
    <t>東淀川病院</t>
  </si>
  <si>
    <t>淀川区三国本町３－１８－３</t>
  </si>
  <si>
    <t>6394-0551</t>
  </si>
  <si>
    <t>（医）桂寿会　桂寿クリニック</t>
  </si>
  <si>
    <t>淀川区加島２－４－８</t>
  </si>
  <si>
    <t>6309-3581</t>
  </si>
  <si>
    <t>（地独）大阪市民病院機構　大阪市立十三市民病院</t>
  </si>
  <si>
    <t>淀川区野中北2-12-27</t>
  </si>
  <si>
    <t>6150-8000</t>
  </si>
  <si>
    <t>未回答</t>
    <rPh sb="0" eb="3">
      <t>ミカイトウ</t>
    </rPh>
    <phoneticPr fontId="3"/>
  </si>
  <si>
    <t>現在受付中止中</t>
    <rPh sb="0" eb="2">
      <t>ゲンザイ</t>
    </rPh>
    <rPh sb="2" eb="4">
      <t>ウケツケ</t>
    </rPh>
    <rPh sb="4" eb="7">
      <t>チュウシチュウ</t>
    </rPh>
    <phoneticPr fontId="3"/>
  </si>
  <si>
    <t>（公財）淀川勤労者厚生協会附属　ファミリークリニックなごみ</t>
  </si>
  <si>
    <t>淀川区加島4-2-17</t>
  </si>
  <si>
    <t>6300-5517</t>
  </si>
  <si>
    <t>田中クリニック</t>
  </si>
  <si>
    <t>淀川区三国本町３－９－３７</t>
  </si>
  <si>
    <t>6395-1159</t>
  </si>
  <si>
    <t>東淀川区</t>
  </si>
  <si>
    <t>淀川キリスト教病院</t>
  </si>
  <si>
    <t>東淀川区柴島１－７－５０</t>
  </si>
  <si>
    <t>6322-2250</t>
  </si>
  <si>
    <t>よどがわ保健生活協同組合　淡路診療所</t>
  </si>
  <si>
    <t>東淀川区西淡路５－１１－１１</t>
  </si>
  <si>
    <t>6322-5211</t>
  </si>
  <si>
    <t>よどがわ保健生活協同組合　コープこぶし通り診療所</t>
  </si>
  <si>
    <t>東淀川区豊新１－３－１</t>
  </si>
  <si>
    <t>6379-6466</t>
  </si>
  <si>
    <t>土屋医院</t>
  </si>
  <si>
    <t>東淀川区北江口４－２１－１３</t>
  </si>
  <si>
    <t>6340-7008</t>
  </si>
  <si>
    <t>ごとう内科・消化器内科</t>
  </si>
  <si>
    <t>東淀川区東淡路4-17-17-３F、4F</t>
  </si>
  <si>
    <t>6195-5107</t>
  </si>
  <si>
    <t>玉谷クリニック</t>
  </si>
  <si>
    <t>東淀川区小松1-7-15</t>
  </si>
  <si>
    <t>6323-8181</t>
  </si>
  <si>
    <t>東成区</t>
  </si>
  <si>
    <t>（医）風早会　外科野崎病院</t>
  </si>
  <si>
    <t>東成区深江南２－２０－１５</t>
  </si>
  <si>
    <t>6971-3506</t>
  </si>
  <si>
    <t>（医）野中会　東成病院</t>
  </si>
  <si>
    <t>東成区大今里西２－７－１７</t>
  </si>
  <si>
    <t>6981-2508</t>
  </si>
  <si>
    <t>ハナオカ消化器・内視鏡内科</t>
  </si>
  <si>
    <t>東成区東小橋１－９－１９ＪＲ玉造駅ＮＫビル２Ｆ</t>
  </si>
  <si>
    <t>4306-5422</t>
  </si>
  <si>
    <t>（医）恵友会　内藤病院</t>
  </si>
  <si>
    <t>東成区深江南２－７－２３</t>
  </si>
  <si>
    <t>6971-3480</t>
  </si>
  <si>
    <t>生活協同組合ヘルスコープおおさか　いまざと診療所</t>
  </si>
  <si>
    <t>東成区大今里１－２３－１２</t>
  </si>
  <si>
    <t>6971-8054</t>
  </si>
  <si>
    <t>（医）朋愛会　朋愛病院</t>
  </si>
  <si>
    <t>東成区大今里１－２５－１１</t>
  </si>
  <si>
    <t>6973-1122</t>
  </si>
  <si>
    <t>（医）健生会　福田診療所</t>
  </si>
  <si>
    <t>東成区東中本１－４－１７</t>
  </si>
  <si>
    <t>6974-2220</t>
  </si>
  <si>
    <t>（医）明青会　たまつくりクリニック</t>
  </si>
  <si>
    <t>東成区中道3-16-15ソレアード玉造1F</t>
  </si>
  <si>
    <t>6972-0316</t>
  </si>
  <si>
    <t>生野区</t>
  </si>
  <si>
    <t>（医）康仁会　鶴橋中央診療所</t>
  </si>
  <si>
    <t>生野区鶴橋２－１６－７</t>
  </si>
  <si>
    <t>6731-2579</t>
  </si>
  <si>
    <t>生活協同組合ヘルスコープおおさか　田島診療所</t>
  </si>
  <si>
    <t>生野区林寺５－１２－１８</t>
  </si>
  <si>
    <t>6711-3711</t>
  </si>
  <si>
    <t>しあわせクリニック</t>
  </si>
  <si>
    <t>生野区生野西2-5-14寺田町田中ビル1Ｆ</t>
  </si>
  <si>
    <t>6711-2525</t>
  </si>
  <si>
    <t>旭区</t>
  </si>
  <si>
    <t>かわもと医院</t>
  </si>
  <si>
    <t>旭区赤川4-1-39</t>
  </si>
  <si>
    <t>6928-8001</t>
  </si>
  <si>
    <t>（医）永寿会　福島病院</t>
  </si>
  <si>
    <t>旭区千林２－４－２２</t>
  </si>
  <si>
    <t>6953-2940</t>
  </si>
  <si>
    <t>（医）景友会　金沢外科胃腸科肛門科</t>
  </si>
  <si>
    <t>旭区大宮１－２０－１９</t>
  </si>
  <si>
    <t>6955-1512</t>
  </si>
  <si>
    <t>生活協同組合ヘルスコープおおさか　あかがわ生協診療所</t>
  </si>
  <si>
    <t>旭区生江2-8-8</t>
  </si>
  <si>
    <t>6921-3008</t>
  </si>
  <si>
    <t>（医）藤仁会　藤立病院</t>
  </si>
  <si>
    <t>旭区大宮５－４－２４</t>
  </si>
  <si>
    <t>6955-1221</t>
  </si>
  <si>
    <t>（医）清翠会　牧病院</t>
  </si>
  <si>
    <t>旭区新森７－１０－２８</t>
  </si>
  <si>
    <t>6953-0120</t>
  </si>
  <si>
    <t>山村クリニック</t>
  </si>
  <si>
    <t>旭区大宮３－２－２７</t>
  </si>
  <si>
    <t>6954-2122</t>
  </si>
  <si>
    <t>（医）登志会　村瀬クリニック</t>
  </si>
  <si>
    <t>旭区生江１－６－８</t>
  </si>
  <si>
    <t>6927-6610</t>
  </si>
  <si>
    <t>（医）城青会　城クリニック</t>
  </si>
  <si>
    <t>旭区清水3-8-31-1Ｆ</t>
  </si>
  <si>
    <t>6955-0015</t>
  </si>
  <si>
    <t>城東区</t>
  </si>
  <si>
    <t>大阪がん循環器病予防センター</t>
  </si>
  <si>
    <t>城東区森之宮1-6-107</t>
  </si>
  <si>
    <t>6969-6712</t>
  </si>
  <si>
    <t>（社福）恩賜財団　大阪府済生会野江病院</t>
  </si>
  <si>
    <t>城東区古市１－３－２５</t>
  </si>
  <si>
    <t>6932-0401</t>
  </si>
  <si>
    <t>（社医）大道会　森之宮病院</t>
  </si>
  <si>
    <t>城東区森之宮２－１－８８</t>
  </si>
  <si>
    <t>6969-0111</t>
  </si>
  <si>
    <t>生活協同組合ヘルスコープおおさか　城東診療所</t>
  </si>
  <si>
    <t>城東区今福西１－１－３０</t>
  </si>
  <si>
    <t>6931-0779</t>
  </si>
  <si>
    <t>生活協同組合ヘルスコープおおさか　蒲生厚生診療所</t>
  </si>
  <si>
    <t>城東区蒲生３－１５－１２</t>
  </si>
  <si>
    <t>6931-3807</t>
  </si>
  <si>
    <t>生活協同組合ヘルスコープおおさか　のえ生協診療所</t>
  </si>
  <si>
    <t>城東区成育4-29-5</t>
  </si>
  <si>
    <t>6931-6213</t>
  </si>
  <si>
    <t>（医）上野外科</t>
  </si>
  <si>
    <t>城東区古市２－３－２５</t>
  </si>
  <si>
    <t>6933-9205</t>
  </si>
  <si>
    <t>（医）福肇会　正木脳神経外科クリニック</t>
  </si>
  <si>
    <t>城東区蒲生２－９－７</t>
  </si>
  <si>
    <t>6930-1003</t>
  </si>
  <si>
    <t>小竹クリニック</t>
  </si>
  <si>
    <t>城東区鴫野東１－１３－１０</t>
  </si>
  <si>
    <t>6965-1213</t>
  </si>
  <si>
    <t>（医）誠真会　関目病院</t>
  </si>
  <si>
    <t>城東区関目２－１３－１３</t>
  </si>
  <si>
    <t>6931-3211</t>
  </si>
  <si>
    <t>高橋内科</t>
  </si>
  <si>
    <t>城東区鴫野東3-3-23</t>
  </si>
  <si>
    <t>6180-5011</t>
  </si>
  <si>
    <t>鶴見区</t>
  </si>
  <si>
    <t>生活協同組合ヘルスコープおおさか　コープおおさか病院</t>
  </si>
  <si>
    <t>鶴見区鶴見３－６－２２</t>
  </si>
  <si>
    <t>6914-1100</t>
  </si>
  <si>
    <t>（社医）盛和会　本田病院</t>
  </si>
  <si>
    <t>鶴見区鶴見４－１－３０</t>
  </si>
  <si>
    <t>6939-6301</t>
  </si>
  <si>
    <t>生活協同組合ヘルスコープおおさか　今津生協診療所</t>
  </si>
  <si>
    <t>鶴見区今津中３－７－９</t>
  </si>
  <si>
    <t>6969-6333</t>
  </si>
  <si>
    <t>生活協同組合ヘルスコープおおさか　まった生協診療所</t>
  </si>
  <si>
    <t>鶴見区横堤３－６－７</t>
  </si>
  <si>
    <t>6911-3195</t>
  </si>
  <si>
    <t>（医）晃和会　北田医院</t>
  </si>
  <si>
    <t>鶴見区放出東２－４－１</t>
  </si>
  <si>
    <t>6961-2817</t>
  </si>
  <si>
    <t>（医）川上医院</t>
  </si>
  <si>
    <t>鶴見区徳庵１－１－６４</t>
  </si>
  <si>
    <t>6912-1024</t>
  </si>
  <si>
    <t>阿倍野区</t>
  </si>
  <si>
    <t>大阪鉄道病院</t>
  </si>
  <si>
    <t>阿倍野区松崎町１－２－２２</t>
  </si>
  <si>
    <t>6628-2221</t>
  </si>
  <si>
    <t>奥野病院</t>
  </si>
  <si>
    <t>阿倍野区天王寺町北2-31-4</t>
  </si>
  <si>
    <t>6719-2200</t>
  </si>
  <si>
    <t>仲原クリニック</t>
  </si>
  <si>
    <t>阿倍野区西田辺町2-3-21ルクレール鶴ヶ丘1F</t>
  </si>
  <si>
    <t>6690-2525</t>
  </si>
  <si>
    <t>むぎたにクリニック</t>
  </si>
  <si>
    <t>阿倍野区阿倍野筋5-10-3</t>
  </si>
  <si>
    <t>6616-7737</t>
  </si>
  <si>
    <t>まえさこ医院</t>
  </si>
  <si>
    <t>阿倍野区阪南町1-51-7</t>
  </si>
  <si>
    <t>6622-3272</t>
  </si>
  <si>
    <t>（医）恵登久会　越川病院</t>
  </si>
  <si>
    <t>阿倍野区昭和町４－９－１</t>
  </si>
  <si>
    <t>6628-8501</t>
  </si>
  <si>
    <t>河島クリニック</t>
  </si>
  <si>
    <t>阿倍野区三明町1-3-26</t>
  </si>
  <si>
    <t>7503-9862</t>
  </si>
  <si>
    <t>（医）純正会　鶴ヶ丘東診療所</t>
  </si>
  <si>
    <t>阿倍野区西田辺町２－９－８</t>
  </si>
  <si>
    <t>6693-2101</t>
  </si>
  <si>
    <t>住之江区</t>
  </si>
  <si>
    <t>（医）糸氏医院</t>
  </si>
  <si>
    <t>住之江区西加賀屋1-1-6</t>
  </si>
  <si>
    <t>6681-2772</t>
  </si>
  <si>
    <t>（社医）景岳会　南大阪病院</t>
  </si>
  <si>
    <t>住之江区東加賀屋１－１８－１８</t>
  </si>
  <si>
    <t>6685-0221</t>
  </si>
  <si>
    <t>（社医）三宝会　南港病院</t>
  </si>
  <si>
    <t>住之江区北加賀屋２－１１－１５</t>
  </si>
  <si>
    <t>6685-8801</t>
  </si>
  <si>
    <t>（医）讃和会　友愛会病院</t>
  </si>
  <si>
    <t>住之江区浜口西３－５－１０</t>
  </si>
  <si>
    <t>6672-3121</t>
  </si>
  <si>
    <t>池川医院</t>
  </si>
  <si>
    <t>住之江区中加賀屋2-18-9</t>
  </si>
  <si>
    <t>6681-1213</t>
  </si>
  <si>
    <t>住ノ江駅前クリニック</t>
  </si>
  <si>
    <t>住之江区西住之江1-1-31</t>
  </si>
  <si>
    <t>6678-2525</t>
  </si>
  <si>
    <t>住吉区</t>
  </si>
  <si>
    <t>（医）上野会　上野会クリニック</t>
  </si>
  <si>
    <t>住吉区長居東４－２１－２６</t>
  </si>
  <si>
    <t>6609-1650</t>
  </si>
  <si>
    <t>（医）メディコンフォート　中西クリニック</t>
  </si>
  <si>
    <t>住吉区清水丘1-25-12</t>
  </si>
  <si>
    <t>6671-5000</t>
  </si>
  <si>
    <t>（医）錦秀会　阪和住吉総合病院</t>
  </si>
  <si>
    <t>住吉区南住吉３－２－９</t>
  </si>
  <si>
    <t>6692-1001</t>
  </si>
  <si>
    <t>（医）惠愛会　クリニック畑森</t>
  </si>
  <si>
    <t>住吉区山之内２－９－１１</t>
  </si>
  <si>
    <t>6692-4819</t>
  </si>
  <si>
    <t>（医）大橋ヘルスケア　あびこ内科外科大橋クリニック</t>
  </si>
  <si>
    <t>住吉区苅田７－６－２８－１０３</t>
  </si>
  <si>
    <t>6655-1122</t>
  </si>
  <si>
    <t>（医）渡部診療所</t>
  </si>
  <si>
    <t>住吉区帝塚山西１－１２－２０</t>
  </si>
  <si>
    <t>6672-4116</t>
  </si>
  <si>
    <t>（医）幸嘉会　もりファミリークリニック</t>
  </si>
  <si>
    <t>住吉区長居2-11-15</t>
  </si>
  <si>
    <t>6690-0337</t>
  </si>
  <si>
    <t>タナカクリニック</t>
  </si>
  <si>
    <t>住吉区苅田3-9-5</t>
  </si>
  <si>
    <t>6696-8755</t>
  </si>
  <si>
    <t>（医）河南医院</t>
  </si>
  <si>
    <t>住吉区遠里小野１－１２－９</t>
  </si>
  <si>
    <t>6691-1322</t>
  </si>
  <si>
    <t>（医）広畑医院</t>
  </si>
  <si>
    <t>住吉区長居３－１２－１９</t>
  </si>
  <si>
    <t>6691-3787</t>
  </si>
  <si>
    <t>（医）三幸会　小澤診療所</t>
  </si>
  <si>
    <t>住吉区帝塚山東３－８－１５</t>
  </si>
  <si>
    <t>6671-6780</t>
  </si>
  <si>
    <t>東住吉区</t>
  </si>
  <si>
    <t>（医）太子会　おおしろクリニック</t>
  </si>
  <si>
    <t>東住吉区鷹合１－１７－３０</t>
  </si>
  <si>
    <t>6608-0046</t>
  </si>
  <si>
    <t>（医）森医院</t>
  </si>
  <si>
    <t>東住吉区西今川３－７－１１</t>
  </si>
  <si>
    <t>6702-7034</t>
  </si>
  <si>
    <t>（医）田中クリニック</t>
  </si>
  <si>
    <t>東住吉区西今川３－２５－１</t>
  </si>
  <si>
    <t>6705-5556</t>
  </si>
  <si>
    <t>（医）橘会　東住吉森本病院</t>
  </si>
  <si>
    <t>東住吉区鷹合３－２－６６</t>
  </si>
  <si>
    <t>6606-0010</t>
  </si>
  <si>
    <t>（医）金子外科</t>
  </si>
  <si>
    <t>東住吉区東田辺２－２７－８</t>
  </si>
  <si>
    <t>6607-5225</t>
  </si>
  <si>
    <t>（医）和田医院</t>
  </si>
  <si>
    <t>東住吉区山坂５－２－８</t>
  </si>
  <si>
    <t>6699-2814</t>
  </si>
  <si>
    <t>（医）千寿会　ヒグチ外科</t>
  </si>
  <si>
    <t>東住吉区中野１－５－６</t>
  </si>
  <si>
    <t>6702-1205</t>
  </si>
  <si>
    <t>矢田生活協同組合医療センター</t>
  </si>
  <si>
    <t>東住吉区矢田5-7-34</t>
  </si>
  <si>
    <t>6696-1751</t>
  </si>
  <si>
    <t>川合内科・小児科</t>
  </si>
  <si>
    <t>東住吉区中野4-5-18</t>
  </si>
  <si>
    <t>6797-8512</t>
  </si>
  <si>
    <t>（医）あじさい会　よねかわクリニック</t>
  </si>
  <si>
    <t>東住吉区山坂5-15-37</t>
  </si>
  <si>
    <t>6697-8858</t>
  </si>
  <si>
    <t>平野区</t>
  </si>
  <si>
    <t>（医）正和病院</t>
  </si>
  <si>
    <t>平野区瓜破東１－５－５</t>
  </si>
  <si>
    <t>6709-8886</t>
  </si>
  <si>
    <t>（医）隆星会　木下内科クリニック</t>
  </si>
  <si>
    <t>平野区背戸口5-6-29</t>
  </si>
  <si>
    <t>6790-1200</t>
  </si>
  <si>
    <t>（医）育生会　三好病院</t>
  </si>
  <si>
    <t>平野区流町４－１０－１０</t>
  </si>
  <si>
    <t>6709-3455</t>
  </si>
  <si>
    <t>（医）平井診療所</t>
  </si>
  <si>
    <t>平野区平野市町２－７－１０</t>
  </si>
  <si>
    <t>6791-8720</t>
  </si>
  <si>
    <t>西成区</t>
  </si>
  <si>
    <t>大阪きづがわ医療福祉生活協同組合　西成民主診療所</t>
  </si>
  <si>
    <t>西成区松2-1-7</t>
  </si>
  <si>
    <t>6659-1010</t>
  </si>
  <si>
    <t>（医）弘仁会　まちだ胃腸病院</t>
  </si>
  <si>
    <t>西成区山王１－１－１５</t>
  </si>
  <si>
    <t>6649-1251</t>
  </si>
  <si>
    <t>岩本医院</t>
  </si>
  <si>
    <t>西成区潮路2-4-35</t>
  </si>
  <si>
    <t>6661-1806</t>
  </si>
  <si>
    <t>（医）山紀会　山本第三病院</t>
  </si>
  <si>
    <t>西成区南津守４－５－２０</t>
  </si>
  <si>
    <t>6658-6611</t>
  </si>
  <si>
    <t>（社福）ヒューマンライツ福祉協会　ツルミ診療所</t>
  </si>
  <si>
    <t>西成区長橋2-5-29</t>
  </si>
  <si>
    <t>6568-6131</t>
  </si>
  <si>
    <t>（医）亀寿会　とまとクリニック</t>
  </si>
  <si>
    <t>西成区岸里東2-15-11</t>
  </si>
  <si>
    <t>6661-2822</t>
  </si>
  <si>
    <t>山中医院</t>
  </si>
  <si>
    <t>西成区玉出東1-10-25</t>
  </si>
  <si>
    <t>6661-5047</t>
  </si>
  <si>
    <t>森本診療所</t>
  </si>
  <si>
    <t>西成区千本南１－２３－２４ウィングス２１　１階</t>
  </si>
  <si>
    <t>6659-5555</t>
  </si>
  <si>
    <t>6353-3838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\(0\)"/>
  </numFmts>
  <fonts count="13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5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9"/>
      <color theme="1"/>
      <name val="游ゴシック"/>
      <family val="3"/>
      <charset val="128"/>
      <scheme val="minor"/>
    </font>
    <font>
      <b/>
      <sz val="9"/>
      <color theme="1"/>
      <name val="游ゴシック"/>
      <family val="3"/>
      <charset val="128"/>
      <scheme val="minor"/>
    </font>
    <font>
      <b/>
      <sz val="11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拡張大阪市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EDC1E7"/>
        <bgColor indexed="64"/>
      </patternFill>
    </fill>
  </fills>
  <borders count="13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54">
    <xf numFmtId="0" fontId="0" fillId="0" borderId="0" xfId="0">
      <alignment vertical="center"/>
    </xf>
    <xf numFmtId="0" fontId="2" fillId="0" borderId="0" xfId="1" applyFont="1" applyFill="1" applyAlignment="1">
      <alignment vertical="center"/>
    </xf>
    <xf numFmtId="0" fontId="0" fillId="0" borderId="0" xfId="0" applyFill="1" applyAlignment="1">
      <alignment vertical="center"/>
    </xf>
    <xf numFmtId="0" fontId="0" fillId="0" borderId="0" xfId="0" applyFill="1" applyAlignment="1">
      <alignment horizontal="center" vertical="center"/>
    </xf>
    <xf numFmtId="0" fontId="2" fillId="0" borderId="0" xfId="1" applyFont="1" applyFill="1" applyAlignment="1">
      <alignment horizontal="center" vertical="center"/>
    </xf>
    <xf numFmtId="0" fontId="6" fillId="0" borderId="0" xfId="0" applyFont="1" applyFill="1" applyAlignment="1">
      <alignment vertical="top"/>
    </xf>
    <xf numFmtId="0" fontId="0" fillId="0" borderId="0" xfId="0" applyFont="1" applyFill="1" applyAlignment="1">
      <alignment horizontal="left" vertical="top"/>
    </xf>
    <xf numFmtId="0" fontId="0" fillId="0" borderId="0" xfId="0" applyFont="1" applyFill="1" applyAlignment="1">
      <alignment vertical="top"/>
    </xf>
    <xf numFmtId="0" fontId="0" fillId="0" borderId="0" xfId="0" applyFont="1" applyFill="1" applyAlignment="1">
      <alignment horizontal="center" vertical="top"/>
    </xf>
    <xf numFmtId="0" fontId="6" fillId="0" borderId="0" xfId="0" applyFont="1" applyFill="1" applyBorder="1" applyAlignment="1">
      <alignment horizontal="left" vertical="top" shrinkToFit="1"/>
    </xf>
    <xf numFmtId="0" fontId="0" fillId="0" borderId="0" xfId="0" applyFont="1" applyFill="1" applyBorder="1" applyAlignment="1">
      <alignment horizontal="left" vertical="top" shrinkToFit="1"/>
    </xf>
    <xf numFmtId="0" fontId="0" fillId="0" borderId="0" xfId="0" applyFont="1" applyFill="1" applyBorder="1" applyAlignment="1">
      <alignment horizontal="center" vertical="top" shrinkToFit="1"/>
    </xf>
    <xf numFmtId="0" fontId="11" fillId="0" borderId="0" xfId="0" applyFont="1" applyFill="1">
      <alignment vertical="center"/>
    </xf>
    <xf numFmtId="0" fontId="0" fillId="0" borderId="0" xfId="0" applyBorder="1" applyAlignment="1">
      <alignment vertical="top"/>
    </xf>
    <xf numFmtId="0" fontId="0" fillId="0" borderId="0" xfId="0" applyBorder="1" applyAlignment="1">
      <alignment horizontal="left" vertical="center" shrinkToFit="1"/>
    </xf>
    <xf numFmtId="0" fontId="0" fillId="0" borderId="0" xfId="0" applyFill="1" applyBorder="1" applyAlignment="1">
      <alignment horizontal="left" vertical="center" shrinkToFit="1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horizontal="center" vertical="center" shrinkToFit="1"/>
    </xf>
    <xf numFmtId="0" fontId="0" fillId="0" borderId="0" xfId="0" applyFill="1" applyBorder="1" applyAlignment="1">
      <alignment horizontal="center" vertical="center"/>
    </xf>
    <xf numFmtId="0" fontId="0" fillId="0" borderId="0" xfId="0" applyFill="1" applyBorder="1" applyAlignment="1">
      <alignment horizontal="center" vertical="center" shrinkToFit="1"/>
    </xf>
    <xf numFmtId="0" fontId="0" fillId="0" borderId="0" xfId="0" applyBorder="1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Border="1">
      <alignment vertical="center"/>
    </xf>
    <xf numFmtId="0" fontId="0" fillId="0" borderId="1" xfId="0" applyBorder="1" applyAlignment="1">
      <alignment horizontal="center" vertical="top"/>
    </xf>
    <xf numFmtId="0" fontId="12" fillId="0" borderId="1" xfId="0" applyFont="1" applyBorder="1" applyAlignment="1">
      <alignment horizontal="left" vertical="center" shrinkToFit="1"/>
    </xf>
    <xf numFmtId="0" fontId="12" fillId="0" borderId="1" xfId="0" applyFont="1" applyFill="1" applyBorder="1" applyAlignment="1">
      <alignment horizontal="left" vertical="center" shrinkToFit="1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0" fontId="0" fillId="0" borderId="1" xfId="0" applyBorder="1" applyAlignment="1">
      <alignment horizontal="center" vertical="center" wrapText="1"/>
    </xf>
    <xf numFmtId="0" fontId="0" fillId="0" borderId="3" xfId="0" applyBorder="1" applyAlignment="1">
      <alignment horizontal="center" vertical="top"/>
    </xf>
    <xf numFmtId="0" fontId="12" fillId="0" borderId="3" xfId="0" applyFont="1" applyBorder="1" applyAlignment="1">
      <alignment horizontal="left" vertical="center" shrinkToFit="1"/>
    </xf>
    <xf numFmtId="0" fontId="12" fillId="0" borderId="3" xfId="0" applyFont="1" applyFill="1" applyBorder="1" applyAlignment="1">
      <alignment horizontal="left" vertical="center" shrinkToFit="1"/>
    </xf>
    <xf numFmtId="0" fontId="0" fillId="0" borderId="3" xfId="0" applyBorder="1" applyAlignment="1">
      <alignment horizontal="center" vertical="center"/>
    </xf>
    <xf numFmtId="0" fontId="0" fillId="0" borderId="3" xfId="0" applyBorder="1" applyAlignment="1">
      <alignment horizontal="center" vertical="center" shrinkToFit="1"/>
    </xf>
    <xf numFmtId="176" fontId="8" fillId="2" borderId="4" xfId="1" applyNumberFormat="1" applyFont="1" applyFill="1" applyBorder="1" applyAlignment="1">
      <alignment horizontal="center" vertical="center" shrinkToFit="1"/>
    </xf>
    <xf numFmtId="176" fontId="10" fillId="2" borderId="4" xfId="1" applyNumberFormat="1" applyFont="1" applyFill="1" applyBorder="1" applyAlignment="1">
      <alignment horizontal="center" vertical="center" shrinkToFit="1"/>
    </xf>
    <xf numFmtId="176" fontId="10" fillId="2" borderId="2" xfId="1" applyNumberFormat="1" applyFont="1" applyFill="1" applyBorder="1" applyAlignment="1">
      <alignment horizontal="center" vertical="center" shrinkToFit="1"/>
    </xf>
    <xf numFmtId="176" fontId="9" fillId="2" borderId="2" xfId="1" applyNumberFormat="1" applyFont="1" applyFill="1" applyBorder="1" applyAlignment="1">
      <alignment horizontal="center" vertical="center" shrinkToFit="1"/>
    </xf>
    <xf numFmtId="176" fontId="9" fillId="2" borderId="5" xfId="1" applyNumberFormat="1" applyFont="1" applyFill="1" applyBorder="1" applyAlignment="1">
      <alignment horizontal="center" vertical="center" shrinkToFit="1"/>
    </xf>
    <xf numFmtId="176" fontId="8" fillId="2" borderId="2" xfId="1" applyNumberFormat="1" applyFont="1" applyFill="1" applyBorder="1" applyAlignment="1">
      <alignment horizontal="center" vertical="center" shrinkToFit="1"/>
    </xf>
    <xf numFmtId="176" fontId="8" fillId="2" borderId="2" xfId="1" applyNumberFormat="1" applyFont="1" applyFill="1" applyBorder="1" applyAlignment="1">
      <alignment horizontal="center" vertical="center" wrapText="1" shrinkToFit="1"/>
    </xf>
    <xf numFmtId="0" fontId="2" fillId="0" borderId="0" xfId="1" applyFont="1" applyFill="1" applyBorder="1" applyAlignment="1">
      <alignment horizontal="center" vertical="center"/>
    </xf>
    <xf numFmtId="0" fontId="5" fillId="0" borderId="0" xfId="1" applyFont="1" applyFill="1" applyBorder="1" applyAlignment="1">
      <alignment horizontal="center" vertical="center"/>
    </xf>
    <xf numFmtId="0" fontId="5" fillId="0" borderId="6" xfId="1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top"/>
    </xf>
    <xf numFmtId="0" fontId="0" fillId="0" borderId="7" xfId="0" applyFont="1" applyFill="1" applyBorder="1" applyAlignment="1">
      <alignment horizontal="center" vertical="top" shrinkToFit="1"/>
    </xf>
    <xf numFmtId="0" fontId="0" fillId="0" borderId="8" xfId="0" applyFont="1" applyFill="1" applyBorder="1" applyAlignment="1">
      <alignment horizontal="center" vertical="top" shrinkToFit="1"/>
    </xf>
    <xf numFmtId="0" fontId="0" fillId="0" borderId="7" xfId="0" applyFill="1" applyBorder="1" applyAlignment="1">
      <alignment horizontal="center" vertical="center"/>
    </xf>
    <xf numFmtId="0" fontId="8" fillId="2" borderId="2" xfId="1" applyFont="1" applyFill="1" applyBorder="1" applyAlignment="1">
      <alignment horizontal="center" vertical="center" shrinkToFit="1"/>
    </xf>
    <xf numFmtId="0" fontId="8" fillId="2" borderId="5" xfId="1" applyFont="1" applyFill="1" applyBorder="1" applyAlignment="1">
      <alignment horizontal="center" vertical="center" shrinkToFit="1"/>
    </xf>
    <xf numFmtId="0" fontId="0" fillId="0" borderId="10" xfId="0" applyBorder="1" applyAlignment="1">
      <alignment horizontal="center" vertical="center" shrinkToFit="1"/>
    </xf>
    <xf numFmtId="0" fontId="0" fillId="0" borderId="11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</cellXfs>
  <cellStyles count="2">
    <cellStyle name="標準" xfId="0" builtinId="0"/>
    <cellStyle name="標準 2" xfId="1"/>
  </cellStyles>
  <dxfs count="1">
    <dxf>
      <font>
        <color theme="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325"/>
  <sheetViews>
    <sheetView tabSelected="1" zoomScale="90" zoomScaleNormal="90" workbookViewId="0">
      <pane xSplit="4" topLeftCell="E1" activePane="topRight" state="frozen"/>
      <selection pane="topRight" activeCell="A6" sqref="A6"/>
    </sheetView>
  </sheetViews>
  <sheetFormatPr defaultRowHeight="18.75" x14ac:dyDescent="0.4"/>
  <cols>
    <col min="1" max="1" width="9" bestFit="1" customWidth="1"/>
    <col min="2" max="2" width="41" customWidth="1"/>
    <col min="3" max="3" width="42.25" customWidth="1"/>
    <col min="4" max="4" width="11.375" style="21" bestFit="1" customWidth="1"/>
    <col min="5" max="5" width="13.625" style="21" customWidth="1"/>
    <col min="6" max="6" width="11.625" style="21" customWidth="1"/>
    <col min="7" max="11" width="8.625" style="21" customWidth="1"/>
    <col min="12" max="13" width="11" style="21" bestFit="1" customWidth="1"/>
    <col min="14" max="14" width="17.25" style="21" bestFit="1" customWidth="1"/>
    <col min="15" max="15" width="38" style="21" bestFit="1" customWidth="1"/>
  </cols>
  <sheetData>
    <row r="1" spans="1:20" ht="21" customHeight="1" x14ac:dyDescent="0.4">
      <c r="A1" s="1" t="s">
        <v>0</v>
      </c>
      <c r="B1" s="2"/>
      <c r="C1" s="2"/>
      <c r="D1" s="3"/>
      <c r="E1" s="47"/>
      <c r="F1" s="3"/>
      <c r="G1" s="3"/>
      <c r="H1" s="3"/>
      <c r="I1" s="3"/>
      <c r="J1" s="3"/>
      <c r="K1" s="3"/>
      <c r="L1" s="3"/>
      <c r="M1" s="3"/>
      <c r="N1" s="3"/>
      <c r="O1" s="3"/>
    </row>
    <row r="2" spans="1:20" ht="21" customHeight="1" x14ac:dyDescent="0.4">
      <c r="A2" s="42" t="s">
        <v>1</v>
      </c>
      <c r="B2" s="42"/>
      <c r="C2" s="42"/>
      <c r="D2" s="43"/>
      <c r="E2" s="41"/>
      <c r="F2" s="4"/>
      <c r="G2" s="4"/>
      <c r="H2" s="4"/>
      <c r="I2" s="4"/>
      <c r="J2" s="4"/>
      <c r="K2" s="4"/>
      <c r="L2" s="4"/>
      <c r="M2" s="4"/>
      <c r="N2" s="4"/>
      <c r="O2" s="4"/>
    </row>
    <row r="3" spans="1:20" x14ac:dyDescent="0.4">
      <c r="A3" s="5" t="s">
        <v>2</v>
      </c>
      <c r="B3" s="6"/>
      <c r="C3" s="7"/>
      <c r="D3" s="8"/>
      <c r="E3" s="44"/>
      <c r="F3" s="8"/>
      <c r="G3" s="8"/>
      <c r="H3" s="8"/>
      <c r="I3" s="8"/>
      <c r="J3" s="8"/>
      <c r="K3" s="8"/>
      <c r="L3" s="8"/>
      <c r="M3" s="8"/>
      <c r="N3" s="8"/>
      <c r="O3" s="8"/>
    </row>
    <row r="4" spans="1:20" x14ac:dyDescent="0.4">
      <c r="A4" s="9" t="s">
        <v>3</v>
      </c>
      <c r="B4" s="10"/>
      <c r="C4" s="10"/>
      <c r="D4" s="10"/>
      <c r="E4" s="45"/>
      <c r="F4" s="11"/>
      <c r="G4" s="11"/>
      <c r="H4" s="11"/>
      <c r="I4" s="11"/>
      <c r="J4" s="11"/>
      <c r="K4" s="11"/>
      <c r="L4" s="11"/>
      <c r="M4" s="11"/>
      <c r="N4" s="11"/>
      <c r="O4" s="11"/>
    </row>
    <row r="5" spans="1:20" ht="19.5" thickBot="1" x14ac:dyDescent="0.45">
      <c r="A5" s="9" t="s">
        <v>4</v>
      </c>
      <c r="B5" s="10"/>
      <c r="C5" s="10"/>
      <c r="D5" s="10"/>
      <c r="E5" s="46"/>
      <c r="F5" s="11"/>
      <c r="G5" s="11"/>
      <c r="H5" s="11"/>
      <c r="I5" s="11"/>
      <c r="J5" s="11"/>
      <c r="K5" s="11"/>
      <c r="L5" s="11"/>
      <c r="M5" s="11"/>
      <c r="N5" s="11"/>
      <c r="O5" s="11"/>
    </row>
    <row r="6" spans="1:20" ht="27.75" thickBot="1" x14ac:dyDescent="0.45">
      <c r="A6" s="48" t="s">
        <v>5</v>
      </c>
      <c r="B6" s="49" t="s">
        <v>6</v>
      </c>
      <c r="C6" s="48" t="s">
        <v>7</v>
      </c>
      <c r="D6" s="48" t="s">
        <v>8</v>
      </c>
      <c r="E6" s="40" t="s">
        <v>9</v>
      </c>
      <c r="F6" s="39" t="s">
        <v>10</v>
      </c>
      <c r="G6" s="37" t="s">
        <v>11</v>
      </c>
      <c r="H6" s="38" t="s">
        <v>12</v>
      </c>
      <c r="I6" s="37" t="s">
        <v>13</v>
      </c>
      <c r="J6" s="37" t="s">
        <v>14</v>
      </c>
      <c r="K6" s="37" t="s">
        <v>15</v>
      </c>
      <c r="L6" s="36" t="s">
        <v>16</v>
      </c>
      <c r="M6" s="34" t="s">
        <v>17</v>
      </c>
      <c r="N6" s="35" t="s">
        <v>18</v>
      </c>
      <c r="O6" s="34" t="s">
        <v>19</v>
      </c>
    </row>
    <row r="7" spans="1:20" x14ac:dyDescent="0.4">
      <c r="A7" s="29" t="s">
        <v>20</v>
      </c>
      <c r="B7" s="30" t="s">
        <v>21</v>
      </c>
      <c r="C7" s="31" t="s">
        <v>22</v>
      </c>
      <c r="D7" s="52" t="s">
        <v>23</v>
      </c>
      <c r="E7" s="50" t="s">
        <v>24</v>
      </c>
      <c r="F7" s="33" t="s">
        <v>24</v>
      </c>
      <c r="G7" s="33"/>
      <c r="H7" s="33"/>
      <c r="I7" s="33"/>
      <c r="J7" s="33"/>
      <c r="K7" s="33"/>
      <c r="L7" s="33" t="s">
        <v>25</v>
      </c>
      <c r="M7" s="32" t="s">
        <v>24</v>
      </c>
      <c r="N7" s="32" t="s">
        <v>24</v>
      </c>
      <c r="O7" s="32" t="s">
        <v>25</v>
      </c>
      <c r="T7" s="12"/>
    </row>
    <row r="8" spans="1:20" x14ac:dyDescent="0.4">
      <c r="A8" s="23"/>
      <c r="B8" s="24" t="s">
        <v>26</v>
      </c>
      <c r="C8" s="25" t="s">
        <v>27</v>
      </c>
      <c r="D8" s="53" t="s">
        <v>28</v>
      </c>
      <c r="E8" s="51" t="s">
        <v>24</v>
      </c>
      <c r="F8" s="27" t="s">
        <v>24</v>
      </c>
      <c r="G8" s="27" t="s">
        <v>24</v>
      </c>
      <c r="H8" s="27"/>
      <c r="I8" s="27"/>
      <c r="J8" s="27"/>
      <c r="K8" s="27"/>
      <c r="L8" s="27" t="s">
        <v>25</v>
      </c>
      <c r="M8" s="26" t="s">
        <v>25</v>
      </c>
      <c r="N8" s="26" t="s">
        <v>29</v>
      </c>
      <c r="O8" s="26" t="s">
        <v>25</v>
      </c>
      <c r="T8" s="12"/>
    </row>
    <row r="9" spans="1:20" x14ac:dyDescent="0.4">
      <c r="A9" s="23"/>
      <c r="B9" s="24" t="s">
        <v>30</v>
      </c>
      <c r="C9" s="25" t="s">
        <v>31</v>
      </c>
      <c r="D9" s="53" t="s">
        <v>32</v>
      </c>
      <c r="E9" s="51" t="s">
        <v>24</v>
      </c>
      <c r="F9" s="27" t="s">
        <v>24</v>
      </c>
      <c r="G9" s="27" t="s">
        <v>24</v>
      </c>
      <c r="H9" s="27" t="s">
        <v>24</v>
      </c>
      <c r="I9" s="27"/>
      <c r="J9" s="27"/>
      <c r="K9" s="27" t="s">
        <v>24</v>
      </c>
      <c r="L9" s="27" t="s">
        <v>33</v>
      </c>
      <c r="M9" s="26" t="s">
        <v>25</v>
      </c>
      <c r="N9" s="26" t="s">
        <v>25</v>
      </c>
      <c r="O9" s="26" t="s">
        <v>25</v>
      </c>
      <c r="T9" s="12"/>
    </row>
    <row r="10" spans="1:20" x14ac:dyDescent="0.4">
      <c r="A10" s="23"/>
      <c r="B10" s="24" t="s">
        <v>34</v>
      </c>
      <c r="C10" s="25" t="s">
        <v>35</v>
      </c>
      <c r="D10" s="53" t="s">
        <v>36</v>
      </c>
      <c r="E10" s="51" t="s">
        <v>24</v>
      </c>
      <c r="F10" s="27"/>
      <c r="G10" s="27" t="s">
        <v>24</v>
      </c>
      <c r="H10" s="27"/>
      <c r="I10" s="27"/>
      <c r="J10" s="27"/>
      <c r="K10" s="27" t="s">
        <v>24</v>
      </c>
      <c r="L10" s="27" t="s">
        <v>24</v>
      </c>
      <c r="M10" s="26" t="s">
        <v>24</v>
      </c>
      <c r="N10" s="26" t="s">
        <v>24</v>
      </c>
      <c r="O10" s="28" t="s">
        <v>25</v>
      </c>
      <c r="T10" s="12"/>
    </row>
    <row r="11" spans="1:20" x14ac:dyDescent="0.4">
      <c r="A11" s="23"/>
      <c r="B11" s="24" t="s">
        <v>37</v>
      </c>
      <c r="C11" s="25" t="s">
        <v>38</v>
      </c>
      <c r="D11" s="53" t="s">
        <v>576</v>
      </c>
      <c r="E11" s="51"/>
      <c r="F11" s="27" t="s">
        <v>24</v>
      </c>
      <c r="G11" s="27" t="s">
        <v>24</v>
      </c>
      <c r="H11" s="27" t="s">
        <v>24</v>
      </c>
      <c r="I11" s="27"/>
      <c r="J11" s="27"/>
      <c r="K11" s="27" t="s">
        <v>24</v>
      </c>
      <c r="L11" s="27" t="s">
        <v>39</v>
      </c>
      <c r="M11" s="26" t="s">
        <v>40</v>
      </c>
      <c r="N11" s="26" t="s">
        <v>40</v>
      </c>
      <c r="O11" s="26" t="s">
        <v>25</v>
      </c>
      <c r="T11" s="12"/>
    </row>
    <row r="12" spans="1:20" x14ac:dyDescent="0.4">
      <c r="A12" s="23"/>
      <c r="B12" s="24" t="s">
        <v>41</v>
      </c>
      <c r="C12" s="25" t="s">
        <v>42</v>
      </c>
      <c r="D12" s="53" t="s">
        <v>43</v>
      </c>
      <c r="E12" s="51"/>
      <c r="F12" s="27" t="s">
        <v>24</v>
      </c>
      <c r="G12" s="27"/>
      <c r="H12" s="27"/>
      <c r="I12" s="27"/>
      <c r="J12" s="27"/>
      <c r="K12" s="27"/>
      <c r="L12" s="27" t="s">
        <v>25</v>
      </c>
      <c r="M12" s="26" t="s">
        <v>25</v>
      </c>
      <c r="N12" s="26" t="s">
        <v>25</v>
      </c>
      <c r="O12" s="26" t="s">
        <v>25</v>
      </c>
      <c r="T12" s="12"/>
    </row>
    <row r="13" spans="1:20" x14ac:dyDescent="0.4">
      <c r="A13" s="23"/>
      <c r="B13" s="24" t="s">
        <v>44</v>
      </c>
      <c r="C13" s="25" t="s">
        <v>45</v>
      </c>
      <c r="D13" s="53" t="s">
        <v>46</v>
      </c>
      <c r="E13" s="51" t="s">
        <v>24</v>
      </c>
      <c r="F13" s="27"/>
      <c r="G13" s="27"/>
      <c r="H13" s="27"/>
      <c r="I13" s="27"/>
      <c r="J13" s="27"/>
      <c r="K13" s="27"/>
      <c r="L13" s="27" t="s">
        <v>24</v>
      </c>
      <c r="M13" s="26" t="s">
        <v>25</v>
      </c>
      <c r="N13" s="26" t="s">
        <v>25</v>
      </c>
      <c r="O13" s="26" t="s">
        <v>25</v>
      </c>
      <c r="T13" s="12"/>
    </row>
    <row r="14" spans="1:20" x14ac:dyDescent="0.4">
      <c r="A14" s="23"/>
      <c r="B14" s="24" t="s">
        <v>47</v>
      </c>
      <c r="C14" s="25" t="s">
        <v>48</v>
      </c>
      <c r="D14" s="53" t="s">
        <v>49</v>
      </c>
      <c r="E14" s="51" t="s">
        <v>24</v>
      </c>
      <c r="F14" s="27"/>
      <c r="G14" s="27" t="s">
        <v>24</v>
      </c>
      <c r="H14" s="27"/>
      <c r="I14" s="27"/>
      <c r="J14" s="27"/>
      <c r="K14" s="27"/>
      <c r="L14" s="27" t="s">
        <v>25</v>
      </c>
      <c r="M14" s="26" t="s">
        <v>25</v>
      </c>
      <c r="N14" s="26" t="s">
        <v>25</v>
      </c>
      <c r="O14" s="26" t="s">
        <v>25</v>
      </c>
      <c r="T14" s="12"/>
    </row>
    <row r="15" spans="1:20" x14ac:dyDescent="0.4">
      <c r="A15" s="23" t="s">
        <v>50</v>
      </c>
      <c r="B15" s="24" t="s">
        <v>51</v>
      </c>
      <c r="C15" s="25" t="s">
        <v>52</v>
      </c>
      <c r="D15" s="53" t="s">
        <v>53</v>
      </c>
      <c r="E15" s="51"/>
      <c r="F15" s="27" t="s">
        <v>24</v>
      </c>
      <c r="G15" s="27"/>
      <c r="H15" s="27"/>
      <c r="I15" s="27"/>
      <c r="J15" s="27"/>
      <c r="K15" s="27"/>
      <c r="L15" s="27" t="s">
        <v>25</v>
      </c>
      <c r="M15" s="26" t="s">
        <v>25</v>
      </c>
      <c r="N15" s="26" t="s">
        <v>25</v>
      </c>
      <c r="O15" s="26" t="s">
        <v>25</v>
      </c>
      <c r="T15" s="12"/>
    </row>
    <row r="16" spans="1:20" x14ac:dyDescent="0.4">
      <c r="A16" s="23"/>
      <c r="B16" s="24" t="s">
        <v>54</v>
      </c>
      <c r="C16" s="25" t="s">
        <v>55</v>
      </c>
      <c r="D16" s="53" t="s">
        <v>56</v>
      </c>
      <c r="E16" s="51" t="s">
        <v>24</v>
      </c>
      <c r="F16" s="27" t="s">
        <v>24</v>
      </c>
      <c r="G16" s="27" t="s">
        <v>24</v>
      </c>
      <c r="H16" s="27"/>
      <c r="I16" s="27" t="s">
        <v>33</v>
      </c>
      <c r="J16" s="27"/>
      <c r="K16" s="27"/>
      <c r="L16" s="27" t="s">
        <v>25</v>
      </c>
      <c r="M16" s="26" t="s">
        <v>25</v>
      </c>
      <c r="N16" s="26" t="s">
        <v>25</v>
      </c>
      <c r="O16" s="26" t="s">
        <v>25</v>
      </c>
      <c r="T16" s="12"/>
    </row>
    <row r="17" spans="1:20" x14ac:dyDescent="0.4">
      <c r="A17" s="23"/>
      <c r="B17" s="24" t="s">
        <v>57</v>
      </c>
      <c r="C17" s="25" t="s">
        <v>58</v>
      </c>
      <c r="D17" s="53" t="s">
        <v>59</v>
      </c>
      <c r="E17" s="51" t="s">
        <v>24</v>
      </c>
      <c r="F17" s="27" t="s">
        <v>24</v>
      </c>
      <c r="G17" s="27" t="s">
        <v>24</v>
      </c>
      <c r="H17" s="27" t="s">
        <v>24</v>
      </c>
      <c r="I17" s="27"/>
      <c r="J17" s="27"/>
      <c r="K17" s="27"/>
      <c r="L17" s="27" t="s">
        <v>25</v>
      </c>
      <c r="M17" s="26" t="s">
        <v>25</v>
      </c>
      <c r="N17" s="26" t="s">
        <v>25</v>
      </c>
      <c r="O17" s="26" t="s">
        <v>25</v>
      </c>
      <c r="T17" s="12"/>
    </row>
    <row r="18" spans="1:20" x14ac:dyDescent="0.4">
      <c r="A18" s="23"/>
      <c r="B18" s="24" t="s">
        <v>60</v>
      </c>
      <c r="C18" s="25" t="s">
        <v>61</v>
      </c>
      <c r="D18" s="53" t="s">
        <v>62</v>
      </c>
      <c r="E18" s="51"/>
      <c r="F18" s="27"/>
      <c r="G18" s="27" t="s">
        <v>24</v>
      </c>
      <c r="H18" s="27"/>
      <c r="I18" s="27"/>
      <c r="J18" s="27"/>
      <c r="K18" s="27" t="s">
        <v>33</v>
      </c>
      <c r="L18" s="27" t="s">
        <v>39</v>
      </c>
      <c r="M18" s="26" t="s">
        <v>25</v>
      </c>
      <c r="N18" s="26" t="s">
        <v>25</v>
      </c>
      <c r="O18" s="26" t="s">
        <v>25</v>
      </c>
      <c r="T18" s="12"/>
    </row>
    <row r="19" spans="1:20" x14ac:dyDescent="0.4">
      <c r="A19" s="23"/>
      <c r="B19" s="24" t="s">
        <v>63</v>
      </c>
      <c r="C19" s="25" t="s">
        <v>64</v>
      </c>
      <c r="D19" s="53" t="s">
        <v>65</v>
      </c>
      <c r="E19" s="51" t="s">
        <v>24</v>
      </c>
      <c r="F19" s="27" t="s">
        <v>24</v>
      </c>
      <c r="G19" s="27" t="s">
        <v>24</v>
      </c>
      <c r="H19" s="27"/>
      <c r="I19" s="27"/>
      <c r="J19" s="27"/>
      <c r="K19" s="27"/>
      <c r="L19" s="27" t="s">
        <v>25</v>
      </c>
      <c r="M19" s="26" t="s">
        <v>25</v>
      </c>
      <c r="N19" s="26" t="s">
        <v>25</v>
      </c>
      <c r="O19" s="26" t="s">
        <v>25</v>
      </c>
      <c r="T19" s="12"/>
    </row>
    <row r="20" spans="1:20" x14ac:dyDescent="0.4">
      <c r="A20" s="23"/>
      <c r="B20" s="24" t="s">
        <v>66</v>
      </c>
      <c r="C20" s="25" t="s">
        <v>67</v>
      </c>
      <c r="D20" s="53" t="s">
        <v>68</v>
      </c>
      <c r="E20" s="51"/>
      <c r="F20" s="27" t="s">
        <v>24</v>
      </c>
      <c r="G20" s="27" t="s">
        <v>24</v>
      </c>
      <c r="H20" s="27"/>
      <c r="I20" s="27"/>
      <c r="J20" s="27"/>
      <c r="K20" s="27"/>
      <c r="L20" s="27" t="s">
        <v>40</v>
      </c>
      <c r="M20" s="26" t="s">
        <v>40</v>
      </c>
      <c r="N20" s="26" t="s">
        <v>40</v>
      </c>
      <c r="O20" s="26" t="s">
        <v>25</v>
      </c>
      <c r="T20" s="12"/>
    </row>
    <row r="21" spans="1:20" x14ac:dyDescent="0.4">
      <c r="A21" s="23"/>
      <c r="B21" s="24" t="s">
        <v>69</v>
      </c>
      <c r="C21" s="25" t="s">
        <v>70</v>
      </c>
      <c r="D21" s="53" t="s">
        <v>71</v>
      </c>
      <c r="E21" s="51"/>
      <c r="F21" s="27"/>
      <c r="G21" s="27"/>
      <c r="H21" s="27"/>
      <c r="I21" s="27"/>
      <c r="J21" s="27"/>
      <c r="K21" s="27"/>
      <c r="L21" s="27" t="s">
        <v>25</v>
      </c>
      <c r="M21" s="26" t="s">
        <v>25</v>
      </c>
      <c r="N21" s="26" t="s">
        <v>25</v>
      </c>
      <c r="O21" s="26" t="s">
        <v>25</v>
      </c>
      <c r="T21" s="12"/>
    </row>
    <row r="22" spans="1:20" x14ac:dyDescent="0.4">
      <c r="A22" s="23" t="s">
        <v>72</v>
      </c>
      <c r="B22" s="24" t="s">
        <v>73</v>
      </c>
      <c r="C22" s="25" t="s">
        <v>74</v>
      </c>
      <c r="D22" s="53" t="s">
        <v>75</v>
      </c>
      <c r="E22" s="51" t="s">
        <v>24</v>
      </c>
      <c r="F22" s="27" t="s">
        <v>24</v>
      </c>
      <c r="G22" s="27" t="s">
        <v>24</v>
      </c>
      <c r="H22" s="27"/>
      <c r="I22" s="27"/>
      <c r="J22" s="27"/>
      <c r="K22" s="27" t="s">
        <v>33</v>
      </c>
      <c r="L22" s="27" t="s">
        <v>25</v>
      </c>
      <c r="M22" s="26" t="s">
        <v>25</v>
      </c>
      <c r="N22" s="26" t="s">
        <v>25</v>
      </c>
      <c r="O22" s="26" t="s">
        <v>25</v>
      </c>
      <c r="T22" s="12"/>
    </row>
    <row r="23" spans="1:20" x14ac:dyDescent="0.4">
      <c r="A23" s="23"/>
      <c r="B23" s="24" t="s">
        <v>76</v>
      </c>
      <c r="C23" s="25" t="s">
        <v>77</v>
      </c>
      <c r="D23" s="53" t="s">
        <v>78</v>
      </c>
      <c r="E23" s="51" t="s">
        <v>24</v>
      </c>
      <c r="F23" s="27" t="s">
        <v>24</v>
      </c>
      <c r="G23" s="27" t="s">
        <v>24</v>
      </c>
      <c r="H23" s="27"/>
      <c r="I23" s="27"/>
      <c r="J23" s="27"/>
      <c r="K23" s="27"/>
      <c r="L23" s="27" t="s">
        <v>25</v>
      </c>
      <c r="M23" s="26" t="s">
        <v>25</v>
      </c>
      <c r="N23" s="26" t="s">
        <v>25</v>
      </c>
      <c r="O23" s="26" t="s">
        <v>25</v>
      </c>
      <c r="T23" s="12"/>
    </row>
    <row r="24" spans="1:20" x14ac:dyDescent="0.4">
      <c r="A24" s="23"/>
      <c r="B24" s="24" t="s">
        <v>79</v>
      </c>
      <c r="C24" s="25" t="s">
        <v>80</v>
      </c>
      <c r="D24" s="53" t="s">
        <v>81</v>
      </c>
      <c r="E24" s="51" t="s">
        <v>24</v>
      </c>
      <c r="F24" s="27" t="s">
        <v>24</v>
      </c>
      <c r="G24" s="27"/>
      <c r="H24" s="27"/>
      <c r="I24" s="27"/>
      <c r="J24" s="27"/>
      <c r="K24" s="27"/>
      <c r="L24" s="27" t="s">
        <v>25</v>
      </c>
      <c r="M24" s="26" t="s">
        <v>25</v>
      </c>
      <c r="N24" s="26" t="s">
        <v>25</v>
      </c>
      <c r="O24" s="26" t="s">
        <v>25</v>
      </c>
      <c r="T24" s="12"/>
    </row>
    <row r="25" spans="1:20" x14ac:dyDescent="0.4">
      <c r="A25" s="23" t="s">
        <v>82</v>
      </c>
      <c r="B25" s="24" t="s">
        <v>83</v>
      </c>
      <c r="C25" s="25" t="s">
        <v>84</v>
      </c>
      <c r="D25" s="53" t="s">
        <v>85</v>
      </c>
      <c r="E25" s="51" t="s">
        <v>24</v>
      </c>
      <c r="F25" s="27" t="s">
        <v>24</v>
      </c>
      <c r="G25" s="27" t="s">
        <v>24</v>
      </c>
      <c r="H25" s="27"/>
      <c r="I25" s="27"/>
      <c r="J25" s="27"/>
      <c r="K25" s="27"/>
      <c r="L25" s="27" t="s">
        <v>25</v>
      </c>
      <c r="M25" s="26" t="s">
        <v>25</v>
      </c>
      <c r="N25" s="26" t="s">
        <v>25</v>
      </c>
      <c r="O25" s="26" t="s">
        <v>25</v>
      </c>
      <c r="T25" s="12"/>
    </row>
    <row r="26" spans="1:20" x14ac:dyDescent="0.4">
      <c r="A26" s="23"/>
      <c r="B26" s="24" t="s">
        <v>86</v>
      </c>
      <c r="C26" s="25" t="s">
        <v>87</v>
      </c>
      <c r="D26" s="53" t="s">
        <v>88</v>
      </c>
      <c r="E26" s="51"/>
      <c r="F26" s="27" t="s">
        <v>24</v>
      </c>
      <c r="G26" s="27" t="s">
        <v>33</v>
      </c>
      <c r="H26" s="27"/>
      <c r="I26" s="27" t="s">
        <v>33</v>
      </c>
      <c r="J26" s="27"/>
      <c r="K26" s="27" t="s">
        <v>33</v>
      </c>
      <c r="L26" s="27" t="s">
        <v>40</v>
      </c>
      <c r="M26" s="26" t="s">
        <v>40</v>
      </c>
      <c r="N26" s="26" t="s">
        <v>40</v>
      </c>
      <c r="O26" s="26" t="s">
        <v>25</v>
      </c>
      <c r="T26" s="12"/>
    </row>
    <row r="27" spans="1:20" x14ac:dyDescent="0.4">
      <c r="A27" s="23"/>
      <c r="B27" s="24" t="s">
        <v>89</v>
      </c>
      <c r="C27" s="25" t="s">
        <v>90</v>
      </c>
      <c r="D27" s="53" t="s">
        <v>91</v>
      </c>
      <c r="E27" s="51"/>
      <c r="F27" s="27" t="s">
        <v>24</v>
      </c>
      <c r="G27" s="27" t="s">
        <v>24</v>
      </c>
      <c r="H27" s="27"/>
      <c r="I27" s="27" t="s">
        <v>33</v>
      </c>
      <c r="J27" s="27"/>
      <c r="K27" s="27" t="s">
        <v>33</v>
      </c>
      <c r="L27" s="27" t="s">
        <v>25</v>
      </c>
      <c r="M27" s="26" t="s">
        <v>25</v>
      </c>
      <c r="N27" s="26" t="s">
        <v>25</v>
      </c>
      <c r="O27" s="26" t="s">
        <v>25</v>
      </c>
      <c r="T27" s="12"/>
    </row>
    <row r="28" spans="1:20" x14ac:dyDescent="0.4">
      <c r="A28" s="23"/>
      <c r="B28" s="24" t="s">
        <v>92</v>
      </c>
      <c r="C28" s="25" t="s">
        <v>93</v>
      </c>
      <c r="D28" s="53" t="s">
        <v>94</v>
      </c>
      <c r="E28" s="51" t="s">
        <v>24</v>
      </c>
      <c r="F28" s="27" t="s">
        <v>24</v>
      </c>
      <c r="G28" s="27" t="s">
        <v>24</v>
      </c>
      <c r="H28" s="27"/>
      <c r="I28" s="27" t="s">
        <v>33</v>
      </c>
      <c r="J28" s="27"/>
      <c r="K28" s="27" t="s">
        <v>33</v>
      </c>
      <c r="L28" s="27" t="s">
        <v>25</v>
      </c>
      <c r="M28" s="26" t="s">
        <v>25</v>
      </c>
      <c r="N28" s="26" t="s">
        <v>25</v>
      </c>
      <c r="O28" s="26" t="s">
        <v>25</v>
      </c>
      <c r="T28" s="12"/>
    </row>
    <row r="29" spans="1:20" x14ac:dyDescent="0.4">
      <c r="A29" s="23" t="s">
        <v>95</v>
      </c>
      <c r="B29" s="24" t="s">
        <v>96</v>
      </c>
      <c r="C29" s="25" t="s">
        <v>97</v>
      </c>
      <c r="D29" s="53" t="s">
        <v>98</v>
      </c>
      <c r="E29" s="51" t="s">
        <v>24</v>
      </c>
      <c r="F29" s="27"/>
      <c r="G29" s="27" t="s">
        <v>24</v>
      </c>
      <c r="H29" s="27"/>
      <c r="I29" s="27"/>
      <c r="J29" s="27"/>
      <c r="K29" s="27"/>
      <c r="L29" s="27" t="s">
        <v>25</v>
      </c>
      <c r="M29" s="26" t="s">
        <v>25</v>
      </c>
      <c r="N29" s="26" t="s">
        <v>25</v>
      </c>
      <c r="O29" s="26" t="s">
        <v>25</v>
      </c>
      <c r="T29" s="12"/>
    </row>
    <row r="30" spans="1:20" x14ac:dyDescent="0.4">
      <c r="A30" s="23"/>
      <c r="B30" s="24" t="s">
        <v>99</v>
      </c>
      <c r="C30" s="25" t="s">
        <v>100</v>
      </c>
      <c r="D30" s="53" t="s">
        <v>101</v>
      </c>
      <c r="E30" s="51" t="s">
        <v>24</v>
      </c>
      <c r="F30" s="27" t="s">
        <v>24</v>
      </c>
      <c r="G30" s="27" t="s">
        <v>24</v>
      </c>
      <c r="H30" s="27"/>
      <c r="I30" s="27"/>
      <c r="J30" s="27"/>
      <c r="K30" s="27"/>
      <c r="L30" s="27" t="s">
        <v>25</v>
      </c>
      <c r="M30" s="26" t="s">
        <v>25</v>
      </c>
      <c r="N30" s="26" t="s">
        <v>25</v>
      </c>
      <c r="O30" s="26" t="s">
        <v>25</v>
      </c>
      <c r="T30" s="12"/>
    </row>
    <row r="31" spans="1:20" x14ac:dyDescent="0.4">
      <c r="A31" s="23"/>
      <c r="B31" s="24" t="s">
        <v>102</v>
      </c>
      <c r="C31" s="25" t="s">
        <v>103</v>
      </c>
      <c r="D31" s="53" t="s">
        <v>104</v>
      </c>
      <c r="E31" s="51" t="s">
        <v>24</v>
      </c>
      <c r="F31" s="27" t="s">
        <v>24</v>
      </c>
      <c r="G31" s="27"/>
      <c r="H31" s="27"/>
      <c r="I31" s="27"/>
      <c r="J31" s="27"/>
      <c r="K31" s="27"/>
      <c r="L31" s="27" t="s">
        <v>25</v>
      </c>
      <c r="M31" s="26" t="s">
        <v>25</v>
      </c>
      <c r="N31" s="26" t="s">
        <v>25</v>
      </c>
      <c r="O31" s="26" t="s">
        <v>25</v>
      </c>
      <c r="T31" s="12"/>
    </row>
    <row r="32" spans="1:20" x14ac:dyDescent="0.4">
      <c r="A32" s="23"/>
      <c r="B32" s="24" t="s">
        <v>105</v>
      </c>
      <c r="C32" s="25" t="s">
        <v>106</v>
      </c>
      <c r="D32" s="53" t="s">
        <v>107</v>
      </c>
      <c r="E32" s="51" t="s">
        <v>24</v>
      </c>
      <c r="F32" s="27" t="s">
        <v>24</v>
      </c>
      <c r="G32" s="27"/>
      <c r="H32" s="27"/>
      <c r="I32" s="27"/>
      <c r="J32" s="27"/>
      <c r="K32" s="27"/>
      <c r="L32" s="27" t="s">
        <v>25</v>
      </c>
      <c r="M32" s="26" t="s">
        <v>25</v>
      </c>
      <c r="N32" s="26" t="s">
        <v>25</v>
      </c>
      <c r="O32" s="26" t="s">
        <v>25</v>
      </c>
      <c r="T32" s="12"/>
    </row>
    <row r="33" spans="1:20" x14ac:dyDescent="0.4">
      <c r="A33" s="23"/>
      <c r="B33" s="24" t="s">
        <v>108</v>
      </c>
      <c r="C33" s="25" t="s">
        <v>109</v>
      </c>
      <c r="D33" s="53" t="s">
        <v>110</v>
      </c>
      <c r="E33" s="51" t="s">
        <v>24</v>
      </c>
      <c r="F33" s="27" t="s">
        <v>24</v>
      </c>
      <c r="G33" s="27" t="s">
        <v>24</v>
      </c>
      <c r="H33" s="27"/>
      <c r="I33" s="27"/>
      <c r="J33" s="27"/>
      <c r="K33" s="27"/>
      <c r="L33" s="27" t="s">
        <v>25</v>
      </c>
      <c r="M33" s="26" t="s">
        <v>25</v>
      </c>
      <c r="N33" s="26" t="s">
        <v>25</v>
      </c>
      <c r="O33" s="26" t="s">
        <v>25</v>
      </c>
      <c r="T33" s="12"/>
    </row>
    <row r="34" spans="1:20" x14ac:dyDescent="0.4">
      <c r="A34" s="23"/>
      <c r="B34" s="24" t="s">
        <v>111</v>
      </c>
      <c r="C34" s="25" t="s">
        <v>112</v>
      </c>
      <c r="D34" s="53" t="s">
        <v>113</v>
      </c>
      <c r="E34" s="51" t="s">
        <v>24</v>
      </c>
      <c r="F34" s="27" t="s">
        <v>24</v>
      </c>
      <c r="G34" s="27" t="s">
        <v>33</v>
      </c>
      <c r="H34" s="27"/>
      <c r="I34" s="27"/>
      <c r="J34" s="27"/>
      <c r="K34" s="27"/>
      <c r="L34" s="27" t="s">
        <v>25</v>
      </c>
      <c r="M34" s="26" t="s">
        <v>25</v>
      </c>
      <c r="N34" s="26" t="s">
        <v>25</v>
      </c>
      <c r="O34" s="26" t="s">
        <v>25</v>
      </c>
      <c r="T34" s="12"/>
    </row>
    <row r="35" spans="1:20" x14ac:dyDescent="0.4">
      <c r="A35" s="23"/>
      <c r="B35" s="24" t="s">
        <v>114</v>
      </c>
      <c r="C35" s="25" t="s">
        <v>115</v>
      </c>
      <c r="D35" s="53" t="s">
        <v>116</v>
      </c>
      <c r="E35" s="51" t="s">
        <v>24</v>
      </c>
      <c r="F35" s="27"/>
      <c r="G35" s="27"/>
      <c r="H35" s="27"/>
      <c r="I35" s="27"/>
      <c r="J35" s="27"/>
      <c r="K35" s="27"/>
      <c r="L35" s="27" t="s">
        <v>25</v>
      </c>
      <c r="M35" s="26" t="s">
        <v>25</v>
      </c>
      <c r="N35" s="26" t="s">
        <v>25</v>
      </c>
      <c r="O35" s="26" t="s">
        <v>25</v>
      </c>
      <c r="T35" s="12"/>
    </row>
    <row r="36" spans="1:20" x14ac:dyDescent="0.4">
      <c r="A36" s="23"/>
      <c r="B36" s="24" t="s">
        <v>117</v>
      </c>
      <c r="C36" s="25" t="s">
        <v>118</v>
      </c>
      <c r="D36" s="53" t="s">
        <v>119</v>
      </c>
      <c r="E36" s="51" t="s">
        <v>24</v>
      </c>
      <c r="F36" s="27" t="s">
        <v>24</v>
      </c>
      <c r="G36" s="27" t="s">
        <v>24</v>
      </c>
      <c r="H36" s="27"/>
      <c r="I36" s="27" t="s">
        <v>33</v>
      </c>
      <c r="J36" s="27"/>
      <c r="K36" s="27" t="s">
        <v>33</v>
      </c>
      <c r="L36" s="27" t="s">
        <v>25</v>
      </c>
      <c r="M36" s="26" t="s">
        <v>25</v>
      </c>
      <c r="N36" s="26" t="s">
        <v>25</v>
      </c>
      <c r="O36" s="26" t="s">
        <v>25</v>
      </c>
      <c r="T36" s="12"/>
    </row>
    <row r="37" spans="1:20" x14ac:dyDescent="0.4">
      <c r="A37" s="23"/>
      <c r="B37" s="24" t="s">
        <v>120</v>
      </c>
      <c r="C37" s="25" t="s">
        <v>121</v>
      </c>
      <c r="D37" s="53" t="s">
        <v>122</v>
      </c>
      <c r="E37" s="51" t="s">
        <v>24</v>
      </c>
      <c r="F37" s="27"/>
      <c r="G37" s="27"/>
      <c r="H37" s="27"/>
      <c r="I37" s="27"/>
      <c r="J37" s="27"/>
      <c r="K37" s="27"/>
      <c r="L37" s="27" t="s">
        <v>25</v>
      </c>
      <c r="M37" s="26" t="s">
        <v>25</v>
      </c>
      <c r="N37" s="26" t="s">
        <v>25</v>
      </c>
      <c r="O37" s="26" t="s">
        <v>25</v>
      </c>
      <c r="T37" s="12"/>
    </row>
    <row r="38" spans="1:20" x14ac:dyDescent="0.4">
      <c r="A38" s="23"/>
      <c r="B38" s="24" t="s">
        <v>123</v>
      </c>
      <c r="C38" s="25" t="s">
        <v>124</v>
      </c>
      <c r="D38" s="53" t="s">
        <v>125</v>
      </c>
      <c r="E38" s="51" t="s">
        <v>24</v>
      </c>
      <c r="F38" s="27" t="s">
        <v>24</v>
      </c>
      <c r="G38" s="27"/>
      <c r="H38" s="27"/>
      <c r="I38" s="27"/>
      <c r="J38" s="27"/>
      <c r="K38" s="27"/>
      <c r="L38" s="27" t="s">
        <v>25</v>
      </c>
      <c r="M38" s="26" t="s">
        <v>25</v>
      </c>
      <c r="N38" s="26" t="s">
        <v>25</v>
      </c>
      <c r="O38" s="26" t="s">
        <v>25</v>
      </c>
      <c r="T38" s="12"/>
    </row>
    <row r="39" spans="1:20" x14ac:dyDescent="0.4">
      <c r="A39" s="23"/>
      <c r="B39" s="24" t="s">
        <v>126</v>
      </c>
      <c r="C39" s="25" t="s">
        <v>127</v>
      </c>
      <c r="D39" s="53" t="s">
        <v>128</v>
      </c>
      <c r="E39" s="51"/>
      <c r="F39" s="27" t="s">
        <v>24</v>
      </c>
      <c r="G39" s="27" t="s">
        <v>24</v>
      </c>
      <c r="H39" s="27"/>
      <c r="I39" s="27"/>
      <c r="J39" s="27"/>
      <c r="K39" s="27"/>
      <c r="L39" s="27" t="s">
        <v>40</v>
      </c>
      <c r="M39" s="26" t="s">
        <v>40</v>
      </c>
      <c r="N39" s="26" t="s">
        <v>40</v>
      </c>
      <c r="O39" s="26" t="s">
        <v>25</v>
      </c>
      <c r="T39" s="12"/>
    </row>
    <row r="40" spans="1:20" x14ac:dyDescent="0.4">
      <c r="A40" s="23"/>
      <c r="B40" s="24" t="s">
        <v>129</v>
      </c>
      <c r="C40" s="25" t="s">
        <v>130</v>
      </c>
      <c r="D40" s="53" t="s">
        <v>131</v>
      </c>
      <c r="E40" s="51"/>
      <c r="F40" s="27"/>
      <c r="G40" s="27" t="s">
        <v>24</v>
      </c>
      <c r="H40" s="27"/>
      <c r="I40" s="27"/>
      <c r="J40" s="27"/>
      <c r="K40" s="27" t="s">
        <v>24</v>
      </c>
      <c r="L40" s="27" t="s">
        <v>25</v>
      </c>
      <c r="M40" s="26" t="s">
        <v>25</v>
      </c>
      <c r="N40" s="26" t="s">
        <v>25</v>
      </c>
      <c r="O40" s="26" t="s">
        <v>25</v>
      </c>
      <c r="T40" s="12"/>
    </row>
    <row r="41" spans="1:20" x14ac:dyDescent="0.4">
      <c r="A41" s="23"/>
      <c r="B41" s="24" t="s">
        <v>132</v>
      </c>
      <c r="C41" s="25" t="s">
        <v>133</v>
      </c>
      <c r="D41" s="53" t="s">
        <v>134</v>
      </c>
      <c r="E41" s="51" t="s">
        <v>24</v>
      </c>
      <c r="F41" s="27"/>
      <c r="G41" s="27"/>
      <c r="H41" s="27"/>
      <c r="I41" s="27"/>
      <c r="J41" s="27"/>
      <c r="K41" s="27"/>
      <c r="L41" s="27" t="s">
        <v>25</v>
      </c>
      <c r="M41" s="26" t="s">
        <v>25</v>
      </c>
      <c r="N41" s="26" t="s">
        <v>25</v>
      </c>
      <c r="O41" s="26" t="s">
        <v>25</v>
      </c>
      <c r="T41" s="12"/>
    </row>
    <row r="42" spans="1:20" x14ac:dyDescent="0.4">
      <c r="A42" s="23"/>
      <c r="B42" s="24" t="s">
        <v>135</v>
      </c>
      <c r="C42" s="25" t="s">
        <v>136</v>
      </c>
      <c r="D42" s="53" t="s">
        <v>137</v>
      </c>
      <c r="E42" s="51"/>
      <c r="F42" s="27" t="s">
        <v>24</v>
      </c>
      <c r="G42" s="27" t="s">
        <v>24</v>
      </c>
      <c r="H42" s="27"/>
      <c r="I42" s="27"/>
      <c r="J42" s="27"/>
      <c r="K42" s="27" t="s">
        <v>24</v>
      </c>
      <c r="L42" s="27" t="s">
        <v>25</v>
      </c>
      <c r="M42" s="26" t="s">
        <v>25</v>
      </c>
      <c r="N42" s="26" t="s">
        <v>25</v>
      </c>
      <c r="O42" s="26" t="s">
        <v>25</v>
      </c>
      <c r="T42" s="12"/>
    </row>
    <row r="43" spans="1:20" x14ac:dyDescent="0.4">
      <c r="A43" s="23"/>
      <c r="B43" s="24" t="s">
        <v>138</v>
      </c>
      <c r="C43" s="25" t="s">
        <v>139</v>
      </c>
      <c r="D43" s="53" t="s">
        <v>140</v>
      </c>
      <c r="E43" s="51"/>
      <c r="F43" s="27" t="s">
        <v>24</v>
      </c>
      <c r="G43" s="27" t="s">
        <v>24</v>
      </c>
      <c r="H43" s="27"/>
      <c r="I43" s="27"/>
      <c r="J43" s="27"/>
      <c r="K43" s="27"/>
      <c r="L43" s="27" t="s">
        <v>25</v>
      </c>
      <c r="M43" s="26" t="s">
        <v>25</v>
      </c>
      <c r="N43" s="26" t="s">
        <v>25</v>
      </c>
      <c r="O43" s="26" t="s">
        <v>25</v>
      </c>
      <c r="T43" s="12"/>
    </row>
    <row r="44" spans="1:20" x14ac:dyDescent="0.4">
      <c r="A44" s="23"/>
      <c r="B44" s="24" t="s">
        <v>141</v>
      </c>
      <c r="C44" s="25" t="s">
        <v>142</v>
      </c>
      <c r="D44" s="53" t="s">
        <v>143</v>
      </c>
      <c r="E44" s="51"/>
      <c r="F44" s="27"/>
      <c r="G44" s="27"/>
      <c r="H44" s="27"/>
      <c r="I44" s="27"/>
      <c r="J44" s="27"/>
      <c r="K44" s="27"/>
      <c r="L44" s="27" t="s">
        <v>25</v>
      </c>
      <c r="M44" s="26" t="s">
        <v>25</v>
      </c>
      <c r="N44" s="26" t="s">
        <v>25</v>
      </c>
      <c r="O44" s="26" t="s">
        <v>25</v>
      </c>
      <c r="T44" s="12"/>
    </row>
    <row r="45" spans="1:20" x14ac:dyDescent="0.4">
      <c r="A45" s="23"/>
      <c r="B45" s="24" t="s">
        <v>144</v>
      </c>
      <c r="C45" s="25" t="s">
        <v>145</v>
      </c>
      <c r="D45" s="53" t="s">
        <v>146</v>
      </c>
      <c r="E45" s="51" t="s">
        <v>24</v>
      </c>
      <c r="F45" s="27" t="s">
        <v>24</v>
      </c>
      <c r="G45" s="27"/>
      <c r="H45" s="27"/>
      <c r="I45" s="27"/>
      <c r="J45" s="27"/>
      <c r="K45" s="27"/>
      <c r="L45" s="27" t="s">
        <v>25</v>
      </c>
      <c r="M45" s="26" t="s">
        <v>25</v>
      </c>
      <c r="N45" s="26" t="s">
        <v>25</v>
      </c>
      <c r="O45" s="26" t="s">
        <v>25</v>
      </c>
      <c r="T45" s="12"/>
    </row>
    <row r="46" spans="1:20" x14ac:dyDescent="0.4">
      <c r="A46" s="23"/>
      <c r="B46" s="24" t="s">
        <v>147</v>
      </c>
      <c r="C46" s="25" t="s">
        <v>148</v>
      </c>
      <c r="D46" s="53" t="s">
        <v>149</v>
      </c>
      <c r="E46" s="51" t="s">
        <v>24</v>
      </c>
      <c r="F46" s="27"/>
      <c r="G46" s="27"/>
      <c r="H46" s="27"/>
      <c r="I46" s="27"/>
      <c r="J46" s="27"/>
      <c r="K46" s="27"/>
      <c r="L46" s="27" t="s">
        <v>25</v>
      </c>
      <c r="M46" s="26" t="s">
        <v>25</v>
      </c>
      <c r="N46" s="26" t="s">
        <v>25</v>
      </c>
      <c r="O46" s="26" t="s">
        <v>25</v>
      </c>
      <c r="T46" s="12"/>
    </row>
    <row r="47" spans="1:20" x14ac:dyDescent="0.4">
      <c r="A47" s="23" t="s">
        <v>150</v>
      </c>
      <c r="B47" s="24" t="s">
        <v>151</v>
      </c>
      <c r="C47" s="25" t="s">
        <v>152</v>
      </c>
      <c r="D47" s="53" t="s">
        <v>153</v>
      </c>
      <c r="E47" s="51" t="s">
        <v>24</v>
      </c>
      <c r="F47" s="27" t="s">
        <v>24</v>
      </c>
      <c r="G47" s="27"/>
      <c r="H47" s="27"/>
      <c r="I47" s="27"/>
      <c r="J47" s="27"/>
      <c r="K47" s="27"/>
      <c r="L47" s="27" t="s">
        <v>25</v>
      </c>
      <c r="M47" s="26" t="s">
        <v>25</v>
      </c>
      <c r="N47" s="26" t="s">
        <v>25</v>
      </c>
      <c r="O47" s="26" t="s">
        <v>25</v>
      </c>
      <c r="T47" s="12"/>
    </row>
    <row r="48" spans="1:20" x14ac:dyDescent="0.4">
      <c r="A48" s="23"/>
      <c r="B48" s="24" t="s">
        <v>154</v>
      </c>
      <c r="C48" s="25" t="s">
        <v>155</v>
      </c>
      <c r="D48" s="53" t="s">
        <v>156</v>
      </c>
      <c r="E48" s="51"/>
      <c r="F48" s="27"/>
      <c r="G48" s="27" t="s">
        <v>24</v>
      </c>
      <c r="H48" s="27"/>
      <c r="I48" s="27"/>
      <c r="J48" s="27"/>
      <c r="K48" s="27" t="s">
        <v>33</v>
      </c>
      <c r="L48" s="27" t="s">
        <v>40</v>
      </c>
      <c r="M48" s="26" t="s">
        <v>40</v>
      </c>
      <c r="N48" s="26" t="s">
        <v>40</v>
      </c>
      <c r="O48" s="26" t="s">
        <v>157</v>
      </c>
      <c r="T48" s="12"/>
    </row>
    <row r="49" spans="1:20" x14ac:dyDescent="0.4">
      <c r="A49" s="23"/>
      <c r="B49" s="24" t="s">
        <v>158</v>
      </c>
      <c r="C49" s="25" t="s">
        <v>159</v>
      </c>
      <c r="D49" s="53" t="s">
        <v>160</v>
      </c>
      <c r="E49" s="51"/>
      <c r="F49" s="27" t="s">
        <v>24</v>
      </c>
      <c r="G49" s="27" t="s">
        <v>24</v>
      </c>
      <c r="H49" s="27" t="s">
        <v>33</v>
      </c>
      <c r="I49" s="27"/>
      <c r="J49" s="27"/>
      <c r="K49" s="27" t="s">
        <v>24</v>
      </c>
      <c r="L49" s="27" t="s">
        <v>25</v>
      </c>
      <c r="M49" s="26" t="s">
        <v>25</v>
      </c>
      <c r="N49" s="26" t="s">
        <v>25</v>
      </c>
      <c r="O49" s="26" t="s">
        <v>25</v>
      </c>
      <c r="T49" s="12"/>
    </row>
    <row r="50" spans="1:20" x14ac:dyDescent="0.4">
      <c r="A50" s="23"/>
      <c r="B50" s="24" t="s">
        <v>161</v>
      </c>
      <c r="C50" s="25" t="s">
        <v>162</v>
      </c>
      <c r="D50" s="53" t="s">
        <v>163</v>
      </c>
      <c r="E50" s="51"/>
      <c r="F50" s="27" t="s">
        <v>24</v>
      </c>
      <c r="G50" s="27"/>
      <c r="H50" s="27"/>
      <c r="I50" s="27"/>
      <c r="J50" s="27"/>
      <c r="K50" s="27"/>
      <c r="L50" s="27" t="s">
        <v>25</v>
      </c>
      <c r="M50" s="26" t="s">
        <v>25</v>
      </c>
      <c r="N50" s="26" t="s">
        <v>25</v>
      </c>
      <c r="O50" s="26" t="s">
        <v>25</v>
      </c>
      <c r="T50" s="12"/>
    </row>
    <row r="51" spans="1:20" x14ac:dyDescent="0.4">
      <c r="A51" s="23"/>
      <c r="B51" s="24" t="s">
        <v>164</v>
      </c>
      <c r="C51" s="25" t="s">
        <v>165</v>
      </c>
      <c r="D51" s="53" t="s">
        <v>166</v>
      </c>
      <c r="E51" s="51" t="s">
        <v>24</v>
      </c>
      <c r="F51" s="27"/>
      <c r="G51" s="27" t="s">
        <v>24</v>
      </c>
      <c r="H51" s="27"/>
      <c r="I51" s="27"/>
      <c r="J51" s="27"/>
      <c r="K51" s="27"/>
      <c r="L51" s="27" t="s">
        <v>25</v>
      </c>
      <c r="M51" s="26" t="s">
        <v>25</v>
      </c>
      <c r="N51" s="26" t="s">
        <v>25</v>
      </c>
      <c r="O51" s="26" t="s">
        <v>25</v>
      </c>
      <c r="T51" s="12"/>
    </row>
    <row r="52" spans="1:20" x14ac:dyDescent="0.4">
      <c r="A52" s="23"/>
      <c r="B52" s="24" t="s">
        <v>167</v>
      </c>
      <c r="C52" s="25" t="s">
        <v>168</v>
      </c>
      <c r="D52" s="53" t="s">
        <v>169</v>
      </c>
      <c r="E52" s="51" t="s">
        <v>24</v>
      </c>
      <c r="F52" s="27" t="s">
        <v>24</v>
      </c>
      <c r="G52" s="27"/>
      <c r="H52" s="27"/>
      <c r="I52" s="27"/>
      <c r="J52" s="27"/>
      <c r="K52" s="27"/>
      <c r="L52" s="27" t="s">
        <v>25</v>
      </c>
      <c r="M52" s="26" t="s">
        <v>25</v>
      </c>
      <c r="N52" s="26" t="s">
        <v>25</v>
      </c>
      <c r="O52" s="26" t="s">
        <v>25</v>
      </c>
      <c r="T52" s="12"/>
    </row>
    <row r="53" spans="1:20" x14ac:dyDescent="0.4">
      <c r="A53" s="23"/>
      <c r="B53" s="24" t="s">
        <v>170</v>
      </c>
      <c r="C53" s="25" t="s">
        <v>171</v>
      </c>
      <c r="D53" s="53" t="s">
        <v>172</v>
      </c>
      <c r="E53" s="51"/>
      <c r="F53" s="27"/>
      <c r="G53" s="27" t="s">
        <v>24</v>
      </c>
      <c r="H53" s="27"/>
      <c r="I53" s="27"/>
      <c r="J53" s="27"/>
      <c r="K53" s="27" t="s">
        <v>24</v>
      </c>
      <c r="L53" s="27" t="s">
        <v>25</v>
      </c>
      <c r="M53" s="26" t="s">
        <v>25</v>
      </c>
      <c r="N53" s="26" t="s">
        <v>25</v>
      </c>
      <c r="O53" s="26" t="s">
        <v>25</v>
      </c>
      <c r="T53" s="12"/>
    </row>
    <row r="54" spans="1:20" x14ac:dyDescent="0.4">
      <c r="A54" s="23"/>
      <c r="B54" s="24" t="s">
        <v>173</v>
      </c>
      <c r="C54" s="25" t="s">
        <v>174</v>
      </c>
      <c r="D54" s="53" t="s">
        <v>175</v>
      </c>
      <c r="E54" s="51" t="s">
        <v>24</v>
      </c>
      <c r="F54" s="27"/>
      <c r="G54" s="27"/>
      <c r="H54" s="27"/>
      <c r="I54" s="27"/>
      <c r="J54" s="27"/>
      <c r="K54" s="27"/>
      <c r="L54" s="27" t="s">
        <v>40</v>
      </c>
      <c r="M54" s="26" t="s">
        <v>40</v>
      </c>
      <c r="N54" s="26" t="s">
        <v>40</v>
      </c>
      <c r="O54" s="26" t="s">
        <v>25</v>
      </c>
      <c r="T54" s="12"/>
    </row>
    <row r="55" spans="1:20" x14ac:dyDescent="0.4">
      <c r="A55" s="23" t="s">
        <v>176</v>
      </c>
      <c r="B55" s="24" t="s">
        <v>177</v>
      </c>
      <c r="C55" s="25" t="s">
        <v>178</v>
      </c>
      <c r="D55" s="53" t="s">
        <v>179</v>
      </c>
      <c r="E55" s="51" t="s">
        <v>24</v>
      </c>
      <c r="F55" s="27" t="s">
        <v>24</v>
      </c>
      <c r="G55" s="27"/>
      <c r="H55" s="27"/>
      <c r="I55" s="27"/>
      <c r="J55" s="27"/>
      <c r="K55" s="27"/>
      <c r="L55" s="27" t="s">
        <v>25</v>
      </c>
      <c r="M55" s="26" t="s">
        <v>25</v>
      </c>
      <c r="N55" s="26" t="s">
        <v>33</v>
      </c>
      <c r="O55" s="26" t="s">
        <v>25</v>
      </c>
      <c r="T55" s="12"/>
    </row>
    <row r="56" spans="1:20" x14ac:dyDescent="0.4">
      <c r="A56" s="23"/>
      <c r="B56" s="24" t="s">
        <v>180</v>
      </c>
      <c r="C56" s="25" t="s">
        <v>181</v>
      </c>
      <c r="D56" s="53" t="s">
        <v>182</v>
      </c>
      <c r="E56" s="51" t="s">
        <v>24</v>
      </c>
      <c r="F56" s="27" t="s">
        <v>24</v>
      </c>
      <c r="G56" s="27" t="s">
        <v>33</v>
      </c>
      <c r="H56" s="27"/>
      <c r="I56" s="27" t="s">
        <v>33</v>
      </c>
      <c r="J56" s="27"/>
      <c r="K56" s="27"/>
      <c r="L56" s="27" t="s">
        <v>40</v>
      </c>
      <c r="M56" s="26" t="s">
        <v>40</v>
      </c>
      <c r="N56" s="26" t="s">
        <v>40</v>
      </c>
      <c r="O56" s="26" t="s">
        <v>183</v>
      </c>
      <c r="T56" s="12"/>
    </row>
    <row r="57" spans="1:20" x14ac:dyDescent="0.4">
      <c r="A57" s="23"/>
      <c r="B57" s="24" t="s">
        <v>184</v>
      </c>
      <c r="C57" s="25" t="s">
        <v>185</v>
      </c>
      <c r="D57" s="53" t="s">
        <v>186</v>
      </c>
      <c r="E57" s="51" t="s">
        <v>24</v>
      </c>
      <c r="F57" s="27" t="s">
        <v>24</v>
      </c>
      <c r="G57" s="27"/>
      <c r="H57" s="27"/>
      <c r="I57" s="27"/>
      <c r="J57" s="27"/>
      <c r="K57" s="27"/>
      <c r="L57" s="27" t="s">
        <v>25</v>
      </c>
      <c r="M57" s="26" t="s">
        <v>25</v>
      </c>
      <c r="N57" s="26" t="s">
        <v>25</v>
      </c>
      <c r="O57" s="26" t="s">
        <v>25</v>
      </c>
      <c r="T57" s="12"/>
    </row>
    <row r="58" spans="1:20" x14ac:dyDescent="0.4">
      <c r="A58" s="23"/>
      <c r="B58" s="24" t="s">
        <v>187</v>
      </c>
      <c r="C58" s="25" t="s">
        <v>188</v>
      </c>
      <c r="D58" s="53" t="s">
        <v>189</v>
      </c>
      <c r="E58" s="51" t="s">
        <v>24</v>
      </c>
      <c r="F58" s="27" t="s">
        <v>24</v>
      </c>
      <c r="G58" s="27" t="s">
        <v>24</v>
      </c>
      <c r="H58" s="27"/>
      <c r="I58" s="27" t="s">
        <v>33</v>
      </c>
      <c r="J58" s="27"/>
      <c r="K58" s="27" t="s">
        <v>33</v>
      </c>
      <c r="L58" s="27" t="s">
        <v>25</v>
      </c>
      <c r="M58" s="26" t="s">
        <v>25</v>
      </c>
      <c r="N58" s="26" t="s">
        <v>25</v>
      </c>
      <c r="O58" s="26" t="s">
        <v>25</v>
      </c>
      <c r="T58" s="12"/>
    </row>
    <row r="59" spans="1:20" x14ac:dyDescent="0.4">
      <c r="A59" s="23" t="s">
        <v>190</v>
      </c>
      <c r="B59" s="24" t="s">
        <v>191</v>
      </c>
      <c r="C59" s="25" t="s">
        <v>192</v>
      </c>
      <c r="D59" s="53" t="s">
        <v>193</v>
      </c>
      <c r="E59" s="51" t="s">
        <v>24</v>
      </c>
      <c r="F59" s="27" t="s">
        <v>24</v>
      </c>
      <c r="G59" s="27" t="s">
        <v>24</v>
      </c>
      <c r="H59" s="27"/>
      <c r="I59" s="27"/>
      <c r="J59" s="27"/>
      <c r="K59" s="27"/>
      <c r="L59" s="27" t="s">
        <v>25</v>
      </c>
      <c r="M59" s="26" t="s">
        <v>25</v>
      </c>
      <c r="N59" s="26" t="s">
        <v>25</v>
      </c>
      <c r="O59" s="26" t="s">
        <v>25</v>
      </c>
      <c r="T59" s="12"/>
    </row>
    <row r="60" spans="1:20" x14ac:dyDescent="0.4">
      <c r="A60" s="23"/>
      <c r="B60" s="24" t="s">
        <v>194</v>
      </c>
      <c r="C60" s="25" t="s">
        <v>195</v>
      </c>
      <c r="D60" s="53" t="s">
        <v>196</v>
      </c>
      <c r="E60" s="51"/>
      <c r="F60" s="27" t="s">
        <v>24</v>
      </c>
      <c r="G60" s="27" t="s">
        <v>24</v>
      </c>
      <c r="H60" s="27" t="s">
        <v>33</v>
      </c>
      <c r="I60" s="27"/>
      <c r="J60" s="27"/>
      <c r="K60" s="27"/>
      <c r="L60" s="27" t="s">
        <v>25</v>
      </c>
      <c r="M60" s="26" t="s">
        <v>25</v>
      </c>
      <c r="N60" s="26" t="s">
        <v>25</v>
      </c>
      <c r="O60" s="26" t="s">
        <v>25</v>
      </c>
      <c r="T60" s="12"/>
    </row>
    <row r="61" spans="1:20" x14ac:dyDescent="0.4">
      <c r="A61" s="23"/>
      <c r="B61" s="24" t="s">
        <v>197</v>
      </c>
      <c r="C61" s="25" t="s">
        <v>198</v>
      </c>
      <c r="D61" s="53" t="s">
        <v>199</v>
      </c>
      <c r="E61" s="51" t="s">
        <v>24</v>
      </c>
      <c r="F61" s="27" t="s">
        <v>24</v>
      </c>
      <c r="G61" s="27" t="s">
        <v>24</v>
      </c>
      <c r="H61" s="27"/>
      <c r="I61" s="27" t="s">
        <v>33</v>
      </c>
      <c r="J61" s="27"/>
      <c r="K61" s="27" t="s">
        <v>33</v>
      </c>
      <c r="L61" s="27" t="s">
        <v>25</v>
      </c>
      <c r="M61" s="26" t="s">
        <v>25</v>
      </c>
      <c r="N61" s="26" t="s">
        <v>25</v>
      </c>
      <c r="O61" s="26" t="s">
        <v>25</v>
      </c>
      <c r="T61" s="12"/>
    </row>
    <row r="62" spans="1:20" x14ac:dyDescent="0.4">
      <c r="A62" s="23"/>
      <c r="B62" s="24" t="s">
        <v>200</v>
      </c>
      <c r="C62" s="25" t="s">
        <v>201</v>
      </c>
      <c r="D62" s="53" t="s">
        <v>202</v>
      </c>
      <c r="E62" s="51"/>
      <c r="F62" s="27" t="s">
        <v>24</v>
      </c>
      <c r="G62" s="27" t="s">
        <v>24</v>
      </c>
      <c r="H62" s="27"/>
      <c r="I62" s="27"/>
      <c r="J62" s="27"/>
      <c r="K62" s="27" t="s">
        <v>24</v>
      </c>
      <c r="L62" s="27" t="s">
        <v>25</v>
      </c>
      <c r="M62" s="26" t="s">
        <v>25</v>
      </c>
      <c r="N62" s="26" t="s">
        <v>25</v>
      </c>
      <c r="O62" s="26" t="s">
        <v>25</v>
      </c>
      <c r="T62" s="12"/>
    </row>
    <row r="63" spans="1:20" x14ac:dyDescent="0.4">
      <c r="A63" s="23"/>
      <c r="B63" s="24" t="s">
        <v>203</v>
      </c>
      <c r="C63" s="25" t="s">
        <v>204</v>
      </c>
      <c r="D63" s="53" t="s">
        <v>205</v>
      </c>
      <c r="E63" s="51"/>
      <c r="F63" s="27" t="s">
        <v>24</v>
      </c>
      <c r="G63" s="27" t="s">
        <v>24</v>
      </c>
      <c r="H63" s="27"/>
      <c r="I63" s="27"/>
      <c r="J63" s="27"/>
      <c r="K63" s="27" t="s">
        <v>24</v>
      </c>
      <c r="L63" s="27" t="s">
        <v>24</v>
      </c>
      <c r="M63" s="26" t="s">
        <v>25</v>
      </c>
      <c r="N63" s="26" t="s">
        <v>25</v>
      </c>
      <c r="O63" s="26" t="s">
        <v>25</v>
      </c>
      <c r="T63" s="12"/>
    </row>
    <row r="64" spans="1:20" x14ac:dyDescent="0.4">
      <c r="A64" s="23" t="s">
        <v>206</v>
      </c>
      <c r="B64" s="24" t="s">
        <v>207</v>
      </c>
      <c r="C64" s="25" t="s">
        <v>208</v>
      </c>
      <c r="D64" s="53" t="s">
        <v>209</v>
      </c>
      <c r="E64" s="51" t="s">
        <v>24</v>
      </c>
      <c r="F64" s="27"/>
      <c r="G64" s="27" t="s">
        <v>24</v>
      </c>
      <c r="H64" s="27"/>
      <c r="I64" s="27"/>
      <c r="J64" s="27"/>
      <c r="K64" s="27"/>
      <c r="L64" s="27" t="s">
        <v>24</v>
      </c>
      <c r="M64" s="26" t="s">
        <v>25</v>
      </c>
      <c r="N64" s="26" t="s">
        <v>25</v>
      </c>
      <c r="O64" s="26" t="s">
        <v>25</v>
      </c>
      <c r="T64" s="12"/>
    </row>
    <row r="65" spans="1:20" x14ac:dyDescent="0.4">
      <c r="A65" s="23"/>
      <c r="B65" s="24" t="s">
        <v>210</v>
      </c>
      <c r="C65" s="25" t="s">
        <v>211</v>
      </c>
      <c r="D65" s="53" t="s">
        <v>212</v>
      </c>
      <c r="E65" s="51" t="s">
        <v>24</v>
      </c>
      <c r="F65" s="27"/>
      <c r="G65" s="27" t="s">
        <v>24</v>
      </c>
      <c r="H65" s="27" t="s">
        <v>24</v>
      </c>
      <c r="I65" s="27" t="s">
        <v>24</v>
      </c>
      <c r="J65" s="27"/>
      <c r="K65" s="27"/>
      <c r="L65" s="27" t="s">
        <v>25</v>
      </c>
      <c r="M65" s="26" t="s">
        <v>25</v>
      </c>
      <c r="N65" s="26" t="s">
        <v>25</v>
      </c>
      <c r="O65" s="26" t="s">
        <v>25</v>
      </c>
      <c r="T65" s="12"/>
    </row>
    <row r="66" spans="1:20" x14ac:dyDescent="0.4">
      <c r="A66" s="23"/>
      <c r="B66" s="24" t="s">
        <v>213</v>
      </c>
      <c r="C66" s="25" t="s">
        <v>214</v>
      </c>
      <c r="D66" s="53" t="s">
        <v>215</v>
      </c>
      <c r="E66" s="51"/>
      <c r="F66" s="27" t="s">
        <v>24</v>
      </c>
      <c r="G66" s="27" t="s">
        <v>24</v>
      </c>
      <c r="H66" s="27"/>
      <c r="I66" s="27"/>
      <c r="J66" s="27"/>
      <c r="K66" s="27"/>
      <c r="L66" s="27" t="s">
        <v>25</v>
      </c>
      <c r="M66" s="26" t="s">
        <v>25</v>
      </c>
      <c r="N66" s="26" t="s">
        <v>25</v>
      </c>
      <c r="O66" s="26" t="s">
        <v>25</v>
      </c>
      <c r="T66" s="12"/>
    </row>
    <row r="67" spans="1:20" x14ac:dyDescent="0.4">
      <c r="A67" s="23"/>
      <c r="B67" s="24" t="s">
        <v>216</v>
      </c>
      <c r="C67" s="25" t="s">
        <v>217</v>
      </c>
      <c r="D67" s="53" t="s">
        <v>218</v>
      </c>
      <c r="E67" s="51" t="s">
        <v>24</v>
      </c>
      <c r="F67" s="27"/>
      <c r="G67" s="27" t="s">
        <v>24</v>
      </c>
      <c r="H67" s="27"/>
      <c r="I67" s="27"/>
      <c r="J67" s="27"/>
      <c r="K67" s="27"/>
      <c r="L67" s="27" t="s">
        <v>25</v>
      </c>
      <c r="M67" s="26" t="s">
        <v>25</v>
      </c>
      <c r="N67" s="26" t="s">
        <v>25</v>
      </c>
      <c r="O67" s="26" t="s">
        <v>25</v>
      </c>
      <c r="T67" s="12"/>
    </row>
    <row r="68" spans="1:20" x14ac:dyDescent="0.4">
      <c r="A68" s="23" t="s">
        <v>219</v>
      </c>
      <c r="B68" s="24" t="s">
        <v>220</v>
      </c>
      <c r="C68" s="25" t="s">
        <v>221</v>
      </c>
      <c r="D68" s="53" t="s">
        <v>222</v>
      </c>
      <c r="E68" s="51" t="s">
        <v>24</v>
      </c>
      <c r="F68" s="27"/>
      <c r="G68" s="27" t="s">
        <v>24</v>
      </c>
      <c r="H68" s="27"/>
      <c r="I68" s="27"/>
      <c r="J68" s="27"/>
      <c r="K68" s="27"/>
      <c r="L68" s="27" t="s">
        <v>25</v>
      </c>
      <c r="M68" s="26" t="s">
        <v>25</v>
      </c>
      <c r="N68" s="26" t="s">
        <v>25</v>
      </c>
      <c r="O68" s="26" t="s">
        <v>25</v>
      </c>
      <c r="T68" s="12"/>
    </row>
    <row r="69" spans="1:20" x14ac:dyDescent="0.4">
      <c r="A69" s="23"/>
      <c r="B69" s="24" t="s">
        <v>223</v>
      </c>
      <c r="C69" s="25" t="s">
        <v>224</v>
      </c>
      <c r="D69" s="53" t="s">
        <v>225</v>
      </c>
      <c r="E69" s="51" t="s">
        <v>24</v>
      </c>
      <c r="F69" s="27" t="s">
        <v>24</v>
      </c>
      <c r="G69" s="27"/>
      <c r="H69" s="27"/>
      <c r="I69" s="27"/>
      <c r="J69" s="27"/>
      <c r="K69" s="27"/>
      <c r="L69" s="27" t="s">
        <v>33</v>
      </c>
      <c r="M69" s="26" t="s">
        <v>33</v>
      </c>
      <c r="N69" s="26" t="s">
        <v>33</v>
      </c>
      <c r="O69" s="26" t="s">
        <v>25</v>
      </c>
      <c r="T69" s="12"/>
    </row>
    <row r="70" spans="1:20" x14ac:dyDescent="0.4">
      <c r="A70" s="23"/>
      <c r="B70" s="24" t="s">
        <v>226</v>
      </c>
      <c r="C70" s="25" t="s">
        <v>227</v>
      </c>
      <c r="D70" s="53" t="s">
        <v>228</v>
      </c>
      <c r="E70" s="51"/>
      <c r="F70" s="27" t="s">
        <v>24</v>
      </c>
      <c r="G70" s="27" t="s">
        <v>24</v>
      </c>
      <c r="H70" s="27"/>
      <c r="I70" s="27"/>
      <c r="J70" s="27"/>
      <c r="K70" s="27" t="s">
        <v>24</v>
      </c>
      <c r="L70" s="27" t="s">
        <v>40</v>
      </c>
      <c r="M70" s="26" t="s">
        <v>40</v>
      </c>
      <c r="N70" s="26" t="s">
        <v>40</v>
      </c>
      <c r="O70" s="26" t="s">
        <v>25</v>
      </c>
      <c r="T70" s="12"/>
    </row>
    <row r="71" spans="1:20" x14ac:dyDescent="0.4">
      <c r="A71" s="23"/>
      <c r="B71" s="24" t="s">
        <v>229</v>
      </c>
      <c r="C71" s="25" t="s">
        <v>230</v>
      </c>
      <c r="D71" s="53" t="s">
        <v>231</v>
      </c>
      <c r="E71" s="51"/>
      <c r="F71" s="27" t="s">
        <v>24</v>
      </c>
      <c r="G71" s="27"/>
      <c r="H71" s="27"/>
      <c r="I71" s="27"/>
      <c r="J71" s="27"/>
      <c r="K71" s="27"/>
      <c r="L71" s="27" t="s">
        <v>25</v>
      </c>
      <c r="M71" s="26" t="s">
        <v>25</v>
      </c>
      <c r="N71" s="26" t="s">
        <v>25</v>
      </c>
      <c r="O71" s="26" t="s">
        <v>25</v>
      </c>
      <c r="T71" s="12"/>
    </row>
    <row r="72" spans="1:20" x14ac:dyDescent="0.4">
      <c r="A72" s="23" t="s">
        <v>232</v>
      </c>
      <c r="B72" s="24" t="s">
        <v>233</v>
      </c>
      <c r="C72" s="25" t="s">
        <v>234</v>
      </c>
      <c r="D72" s="53" t="s">
        <v>235</v>
      </c>
      <c r="E72" s="51" t="s">
        <v>24</v>
      </c>
      <c r="F72" s="27" t="s">
        <v>24</v>
      </c>
      <c r="G72" s="27" t="s">
        <v>24</v>
      </c>
      <c r="H72" s="27"/>
      <c r="I72" s="27" t="s">
        <v>33</v>
      </c>
      <c r="J72" s="27"/>
      <c r="K72" s="27"/>
      <c r="L72" s="27" t="s">
        <v>25</v>
      </c>
      <c r="M72" s="26" t="s">
        <v>25</v>
      </c>
      <c r="N72" s="26" t="s">
        <v>25</v>
      </c>
      <c r="O72" s="26" t="s">
        <v>25</v>
      </c>
      <c r="T72" s="12"/>
    </row>
    <row r="73" spans="1:20" x14ac:dyDescent="0.4">
      <c r="A73" s="23"/>
      <c r="B73" s="24" t="s">
        <v>236</v>
      </c>
      <c r="C73" s="25" t="s">
        <v>237</v>
      </c>
      <c r="D73" s="53" t="s">
        <v>238</v>
      </c>
      <c r="E73" s="51" t="s">
        <v>24</v>
      </c>
      <c r="F73" s="27" t="s">
        <v>24</v>
      </c>
      <c r="G73" s="27"/>
      <c r="H73" s="27"/>
      <c r="I73" s="27"/>
      <c r="J73" s="27"/>
      <c r="K73" s="27"/>
      <c r="L73" s="27" t="s">
        <v>24</v>
      </c>
      <c r="M73" s="26" t="s">
        <v>25</v>
      </c>
      <c r="N73" s="26" t="s">
        <v>25</v>
      </c>
      <c r="O73" s="26" t="s">
        <v>25</v>
      </c>
      <c r="T73" s="12"/>
    </row>
    <row r="74" spans="1:20" x14ac:dyDescent="0.4">
      <c r="A74" s="23"/>
      <c r="B74" s="24" t="s">
        <v>239</v>
      </c>
      <c r="C74" s="25" t="s">
        <v>240</v>
      </c>
      <c r="D74" s="53" t="s">
        <v>241</v>
      </c>
      <c r="E74" s="51" t="s">
        <v>24</v>
      </c>
      <c r="F74" s="27" t="s">
        <v>24</v>
      </c>
      <c r="G74" s="27" t="s">
        <v>24</v>
      </c>
      <c r="H74" s="27"/>
      <c r="I74" s="27" t="s">
        <v>33</v>
      </c>
      <c r="J74" s="27"/>
      <c r="K74" s="27" t="s">
        <v>33</v>
      </c>
      <c r="L74" s="27" t="s">
        <v>40</v>
      </c>
      <c r="M74" s="26" t="s">
        <v>40</v>
      </c>
      <c r="N74" s="26" t="s">
        <v>40</v>
      </c>
      <c r="O74" s="26" t="s">
        <v>242</v>
      </c>
      <c r="T74" s="12"/>
    </row>
    <row r="75" spans="1:20" x14ac:dyDescent="0.4">
      <c r="A75" s="23"/>
      <c r="B75" s="24" t="s">
        <v>243</v>
      </c>
      <c r="C75" s="25" t="s">
        <v>244</v>
      </c>
      <c r="D75" s="53" t="s">
        <v>245</v>
      </c>
      <c r="E75" s="51"/>
      <c r="F75" s="27" t="s">
        <v>24</v>
      </c>
      <c r="G75" s="27" t="s">
        <v>24</v>
      </c>
      <c r="H75" s="27"/>
      <c r="I75" s="27" t="s">
        <v>33</v>
      </c>
      <c r="J75" s="27"/>
      <c r="K75" s="27" t="s">
        <v>33</v>
      </c>
      <c r="L75" s="27" t="s">
        <v>40</v>
      </c>
      <c r="M75" s="26" t="s">
        <v>40</v>
      </c>
      <c r="N75" s="26" t="s">
        <v>40</v>
      </c>
      <c r="O75" s="26" t="s">
        <v>25</v>
      </c>
      <c r="T75" s="12"/>
    </row>
    <row r="76" spans="1:20" x14ac:dyDescent="0.4">
      <c r="A76" s="23"/>
      <c r="B76" s="24" t="s">
        <v>246</v>
      </c>
      <c r="C76" s="25" t="s">
        <v>247</v>
      </c>
      <c r="D76" s="53" t="s">
        <v>248</v>
      </c>
      <c r="E76" s="51" t="s">
        <v>24</v>
      </c>
      <c r="F76" s="27" t="s">
        <v>24</v>
      </c>
      <c r="G76" s="27" t="s">
        <v>24</v>
      </c>
      <c r="H76" s="27"/>
      <c r="I76" s="27"/>
      <c r="J76" s="27"/>
      <c r="K76" s="27"/>
      <c r="L76" s="27" t="s">
        <v>25</v>
      </c>
      <c r="M76" s="26" t="s">
        <v>25</v>
      </c>
      <c r="N76" s="26" t="s">
        <v>25</v>
      </c>
      <c r="O76" s="26" t="s">
        <v>25</v>
      </c>
      <c r="T76" s="12"/>
    </row>
    <row r="77" spans="1:20" x14ac:dyDescent="0.4">
      <c r="A77" s="23"/>
      <c r="B77" s="24" t="s">
        <v>249</v>
      </c>
      <c r="C77" s="25" t="s">
        <v>250</v>
      </c>
      <c r="D77" s="53" t="s">
        <v>251</v>
      </c>
      <c r="E77" s="51"/>
      <c r="F77" s="27" t="s">
        <v>24</v>
      </c>
      <c r="G77" s="27" t="s">
        <v>24</v>
      </c>
      <c r="H77" s="27"/>
      <c r="I77" s="27"/>
      <c r="J77" s="27"/>
      <c r="K77" s="27" t="s">
        <v>24</v>
      </c>
      <c r="L77" s="27" t="s">
        <v>40</v>
      </c>
      <c r="M77" s="26" t="s">
        <v>40</v>
      </c>
      <c r="N77" s="26" t="s">
        <v>40</v>
      </c>
      <c r="O77" s="26"/>
      <c r="T77" s="12"/>
    </row>
    <row r="78" spans="1:20" x14ac:dyDescent="0.4">
      <c r="A78" s="23"/>
      <c r="B78" s="24" t="s">
        <v>252</v>
      </c>
      <c r="C78" s="25" t="s">
        <v>253</v>
      </c>
      <c r="D78" s="53" t="s">
        <v>254</v>
      </c>
      <c r="E78" s="51"/>
      <c r="F78" s="27" t="s">
        <v>24</v>
      </c>
      <c r="G78" s="27" t="s">
        <v>24</v>
      </c>
      <c r="H78" s="27"/>
      <c r="I78" s="27"/>
      <c r="J78" s="27"/>
      <c r="K78" s="27"/>
      <c r="L78" s="27" t="s">
        <v>25</v>
      </c>
      <c r="M78" s="26" t="s">
        <v>25</v>
      </c>
      <c r="N78" s="26" t="s">
        <v>25</v>
      </c>
      <c r="O78" s="26" t="s">
        <v>25</v>
      </c>
      <c r="T78" s="12"/>
    </row>
    <row r="79" spans="1:20" x14ac:dyDescent="0.4">
      <c r="A79" s="23"/>
      <c r="B79" s="24" t="s">
        <v>255</v>
      </c>
      <c r="C79" s="25" t="s">
        <v>256</v>
      </c>
      <c r="D79" s="53" t="s">
        <v>257</v>
      </c>
      <c r="E79" s="51"/>
      <c r="F79" s="27" t="s">
        <v>24</v>
      </c>
      <c r="G79" s="27" t="s">
        <v>24</v>
      </c>
      <c r="H79" s="27"/>
      <c r="I79" s="27"/>
      <c r="J79" s="27"/>
      <c r="K79" s="27" t="s">
        <v>24</v>
      </c>
      <c r="L79" s="27" t="s">
        <v>25</v>
      </c>
      <c r="M79" s="26" t="s">
        <v>25</v>
      </c>
      <c r="N79" s="26" t="s">
        <v>25</v>
      </c>
      <c r="O79" s="26" t="s">
        <v>25</v>
      </c>
      <c r="T79" s="12"/>
    </row>
    <row r="80" spans="1:20" x14ac:dyDescent="0.4">
      <c r="A80" s="23"/>
      <c r="B80" s="24" t="s">
        <v>258</v>
      </c>
      <c r="C80" s="25" t="s">
        <v>259</v>
      </c>
      <c r="D80" s="53" t="s">
        <v>260</v>
      </c>
      <c r="E80" s="51"/>
      <c r="F80" s="27"/>
      <c r="G80" s="27" t="s">
        <v>24</v>
      </c>
      <c r="H80" s="27"/>
      <c r="I80" s="27"/>
      <c r="J80" s="27"/>
      <c r="K80" s="27" t="s">
        <v>33</v>
      </c>
      <c r="L80" s="27" t="s">
        <v>33</v>
      </c>
      <c r="M80" s="26" t="s">
        <v>25</v>
      </c>
      <c r="N80" s="26" t="s">
        <v>25</v>
      </c>
      <c r="O80" s="26" t="s">
        <v>25</v>
      </c>
      <c r="T80" s="12"/>
    </row>
    <row r="81" spans="1:20" x14ac:dyDescent="0.4">
      <c r="A81" s="23" t="s">
        <v>261</v>
      </c>
      <c r="B81" s="24" t="s">
        <v>262</v>
      </c>
      <c r="C81" s="25" t="s">
        <v>263</v>
      </c>
      <c r="D81" s="53" t="s">
        <v>264</v>
      </c>
      <c r="E81" s="51" t="s">
        <v>24</v>
      </c>
      <c r="F81" s="27" t="s">
        <v>24</v>
      </c>
      <c r="G81" s="27" t="s">
        <v>24</v>
      </c>
      <c r="H81" s="27"/>
      <c r="I81" s="27"/>
      <c r="J81" s="27"/>
      <c r="K81" s="27"/>
      <c r="L81" s="27" t="s">
        <v>25</v>
      </c>
      <c r="M81" s="26" t="s">
        <v>25</v>
      </c>
      <c r="N81" s="26" t="s">
        <v>25</v>
      </c>
      <c r="O81" s="26" t="s">
        <v>25</v>
      </c>
      <c r="T81" s="12"/>
    </row>
    <row r="82" spans="1:20" x14ac:dyDescent="0.4">
      <c r="A82" s="23"/>
      <c r="B82" s="24" t="s">
        <v>265</v>
      </c>
      <c r="C82" s="25" t="s">
        <v>266</v>
      </c>
      <c r="D82" s="53" t="s">
        <v>267</v>
      </c>
      <c r="E82" s="51" t="s">
        <v>24</v>
      </c>
      <c r="F82" s="27" t="s">
        <v>24</v>
      </c>
      <c r="G82" s="27" t="s">
        <v>33</v>
      </c>
      <c r="H82" s="27"/>
      <c r="I82" s="27"/>
      <c r="J82" s="27"/>
      <c r="K82" s="27"/>
      <c r="L82" s="27" t="s">
        <v>25</v>
      </c>
      <c r="M82" s="26" t="s">
        <v>25</v>
      </c>
      <c r="N82" s="26" t="s">
        <v>25</v>
      </c>
      <c r="O82" s="26" t="s">
        <v>25</v>
      </c>
      <c r="T82" s="12"/>
    </row>
    <row r="83" spans="1:20" x14ac:dyDescent="0.4">
      <c r="A83" s="23"/>
      <c r="B83" s="24" t="s">
        <v>268</v>
      </c>
      <c r="C83" s="25" t="s">
        <v>269</v>
      </c>
      <c r="D83" s="53" t="s">
        <v>270</v>
      </c>
      <c r="E83" s="51" t="s">
        <v>24</v>
      </c>
      <c r="F83" s="27"/>
      <c r="G83" s="27" t="s">
        <v>24</v>
      </c>
      <c r="H83" s="27"/>
      <c r="I83" s="27"/>
      <c r="J83" s="27"/>
      <c r="K83" s="27" t="s">
        <v>33</v>
      </c>
      <c r="L83" s="27" t="s">
        <v>25</v>
      </c>
      <c r="M83" s="26" t="s">
        <v>25</v>
      </c>
      <c r="N83" s="26" t="s">
        <v>25</v>
      </c>
      <c r="O83" s="26" t="s">
        <v>25</v>
      </c>
      <c r="T83" s="12"/>
    </row>
    <row r="84" spans="1:20" x14ac:dyDescent="0.4">
      <c r="A84" s="23"/>
      <c r="B84" s="24" t="s">
        <v>271</v>
      </c>
      <c r="C84" s="25" t="s">
        <v>272</v>
      </c>
      <c r="D84" s="53" t="s">
        <v>273</v>
      </c>
      <c r="E84" s="51" t="s">
        <v>24</v>
      </c>
      <c r="F84" s="27"/>
      <c r="G84" s="27" t="s">
        <v>24</v>
      </c>
      <c r="H84" s="27"/>
      <c r="I84" s="27"/>
      <c r="J84" s="27"/>
      <c r="K84" s="27" t="s">
        <v>24</v>
      </c>
      <c r="L84" s="27" t="s">
        <v>25</v>
      </c>
      <c r="M84" s="26" t="s">
        <v>25</v>
      </c>
      <c r="N84" s="26" t="s">
        <v>25</v>
      </c>
      <c r="O84" s="26" t="s">
        <v>25</v>
      </c>
      <c r="T84" s="12"/>
    </row>
    <row r="85" spans="1:20" x14ac:dyDescent="0.4">
      <c r="A85" s="23"/>
      <c r="B85" s="24" t="s">
        <v>274</v>
      </c>
      <c r="C85" s="25" t="s">
        <v>275</v>
      </c>
      <c r="D85" s="53" t="s">
        <v>276</v>
      </c>
      <c r="E85" s="51"/>
      <c r="F85" s="27"/>
      <c r="G85" s="27"/>
      <c r="H85" s="27"/>
      <c r="I85" s="27"/>
      <c r="J85" s="27"/>
      <c r="K85" s="27"/>
      <c r="L85" s="27" t="s">
        <v>25</v>
      </c>
      <c r="M85" s="26" t="s">
        <v>25</v>
      </c>
      <c r="N85" s="26" t="s">
        <v>25</v>
      </c>
      <c r="O85" s="26" t="s">
        <v>25</v>
      </c>
      <c r="T85" s="12"/>
    </row>
    <row r="86" spans="1:20" x14ac:dyDescent="0.4">
      <c r="A86" s="23"/>
      <c r="B86" s="24" t="s">
        <v>277</v>
      </c>
      <c r="C86" s="25" t="s">
        <v>278</v>
      </c>
      <c r="D86" s="53" t="s">
        <v>279</v>
      </c>
      <c r="E86" s="51"/>
      <c r="F86" s="27" t="s">
        <v>24</v>
      </c>
      <c r="G86" s="27" t="s">
        <v>24</v>
      </c>
      <c r="H86" s="27" t="s">
        <v>24</v>
      </c>
      <c r="I86" s="27"/>
      <c r="J86" s="27"/>
      <c r="K86" s="27" t="s">
        <v>24</v>
      </c>
      <c r="L86" s="27" t="s">
        <v>25</v>
      </c>
      <c r="M86" s="26" t="s">
        <v>25</v>
      </c>
      <c r="N86" s="26" t="s">
        <v>25</v>
      </c>
      <c r="O86" s="26" t="s">
        <v>25</v>
      </c>
      <c r="T86" s="12"/>
    </row>
    <row r="87" spans="1:20" x14ac:dyDescent="0.4">
      <c r="A87" s="23"/>
      <c r="B87" s="24" t="s">
        <v>280</v>
      </c>
      <c r="C87" s="25" t="s">
        <v>281</v>
      </c>
      <c r="D87" s="53" t="s">
        <v>282</v>
      </c>
      <c r="E87" s="51"/>
      <c r="F87" s="27" t="s">
        <v>24</v>
      </c>
      <c r="G87" s="27" t="s">
        <v>24</v>
      </c>
      <c r="H87" s="27"/>
      <c r="I87" s="27"/>
      <c r="J87" s="27"/>
      <c r="K87" s="27" t="s">
        <v>24</v>
      </c>
      <c r="L87" s="27" t="s">
        <v>25</v>
      </c>
      <c r="M87" s="26" t="s">
        <v>25</v>
      </c>
      <c r="N87" s="26" t="s">
        <v>25</v>
      </c>
      <c r="O87" s="26" t="s">
        <v>25</v>
      </c>
      <c r="T87" s="12"/>
    </row>
    <row r="88" spans="1:20" x14ac:dyDescent="0.4">
      <c r="A88" s="23"/>
      <c r="B88" s="24" t="s">
        <v>283</v>
      </c>
      <c r="C88" s="25" t="s">
        <v>284</v>
      </c>
      <c r="D88" s="53" t="s">
        <v>285</v>
      </c>
      <c r="E88" s="51" t="s">
        <v>286</v>
      </c>
      <c r="F88" s="27" t="s">
        <v>24</v>
      </c>
      <c r="G88" s="27"/>
      <c r="H88" s="27"/>
      <c r="I88" s="27"/>
      <c r="J88" s="27"/>
      <c r="K88" s="27"/>
      <c r="L88" s="27" t="s">
        <v>25</v>
      </c>
      <c r="M88" s="26" t="s">
        <v>25</v>
      </c>
      <c r="N88" s="26" t="s">
        <v>25</v>
      </c>
      <c r="O88" s="26" t="s">
        <v>287</v>
      </c>
      <c r="T88" s="12"/>
    </row>
    <row r="89" spans="1:20" x14ac:dyDescent="0.4">
      <c r="A89" s="23"/>
      <c r="B89" s="24" t="s">
        <v>288</v>
      </c>
      <c r="C89" s="25" t="s">
        <v>289</v>
      </c>
      <c r="D89" s="53" t="s">
        <v>290</v>
      </c>
      <c r="E89" s="51" t="s">
        <v>24</v>
      </c>
      <c r="F89" s="27" t="s">
        <v>24</v>
      </c>
      <c r="G89" s="27" t="s">
        <v>24</v>
      </c>
      <c r="H89" s="27"/>
      <c r="I89" s="27"/>
      <c r="J89" s="27"/>
      <c r="K89" s="27" t="s">
        <v>24</v>
      </c>
      <c r="L89" s="27" t="s">
        <v>40</v>
      </c>
      <c r="M89" s="26" t="s">
        <v>25</v>
      </c>
      <c r="N89" s="26" t="s">
        <v>25</v>
      </c>
      <c r="O89" s="26" t="s">
        <v>25</v>
      </c>
      <c r="T89" s="12"/>
    </row>
    <row r="90" spans="1:20" x14ac:dyDescent="0.4">
      <c r="A90" s="23"/>
      <c r="B90" s="24" t="s">
        <v>291</v>
      </c>
      <c r="C90" s="25" t="s">
        <v>292</v>
      </c>
      <c r="D90" s="53" t="s">
        <v>293</v>
      </c>
      <c r="E90" s="51" t="s">
        <v>24</v>
      </c>
      <c r="F90" s="27" t="s">
        <v>24</v>
      </c>
      <c r="G90" s="27" t="s">
        <v>24</v>
      </c>
      <c r="H90" s="27"/>
      <c r="I90" s="27"/>
      <c r="J90" s="27"/>
      <c r="K90" s="27"/>
      <c r="L90" s="27" t="s">
        <v>40</v>
      </c>
      <c r="M90" s="26" t="s">
        <v>25</v>
      </c>
      <c r="N90" s="26" t="s">
        <v>25</v>
      </c>
      <c r="O90" s="26" t="s">
        <v>25</v>
      </c>
      <c r="T90" s="12"/>
    </row>
    <row r="91" spans="1:20" x14ac:dyDescent="0.4">
      <c r="A91" s="23" t="s">
        <v>294</v>
      </c>
      <c r="B91" s="24" t="s">
        <v>295</v>
      </c>
      <c r="C91" s="25" t="s">
        <v>296</v>
      </c>
      <c r="D91" s="53" t="s">
        <v>297</v>
      </c>
      <c r="E91" s="51" t="s">
        <v>24</v>
      </c>
      <c r="F91" s="27" t="s">
        <v>24</v>
      </c>
      <c r="G91" s="27"/>
      <c r="H91" s="27"/>
      <c r="I91" s="27"/>
      <c r="J91" s="27"/>
      <c r="K91" s="27"/>
      <c r="L91" s="27" t="s">
        <v>25</v>
      </c>
      <c r="M91" s="26" t="s">
        <v>25</v>
      </c>
      <c r="N91" s="26" t="s">
        <v>25</v>
      </c>
      <c r="O91" s="26" t="s">
        <v>25</v>
      </c>
      <c r="T91" s="12"/>
    </row>
    <row r="92" spans="1:20" x14ac:dyDescent="0.4">
      <c r="A92" s="23"/>
      <c r="B92" s="24" t="s">
        <v>298</v>
      </c>
      <c r="C92" s="25" t="s">
        <v>299</v>
      </c>
      <c r="D92" s="53" t="s">
        <v>300</v>
      </c>
      <c r="E92" s="51" t="s">
        <v>24</v>
      </c>
      <c r="F92" s="27"/>
      <c r="G92" s="27" t="s">
        <v>24</v>
      </c>
      <c r="H92" s="27"/>
      <c r="I92" s="27" t="s">
        <v>33</v>
      </c>
      <c r="J92" s="27"/>
      <c r="K92" s="27" t="s">
        <v>33</v>
      </c>
      <c r="L92" s="27" t="s">
        <v>33</v>
      </c>
      <c r="M92" s="26" t="s">
        <v>25</v>
      </c>
      <c r="N92" s="26" t="s">
        <v>25</v>
      </c>
      <c r="O92" s="26" t="s">
        <v>25</v>
      </c>
      <c r="T92" s="12"/>
    </row>
    <row r="93" spans="1:20" x14ac:dyDescent="0.4">
      <c r="A93" s="23"/>
      <c r="B93" s="24" t="s">
        <v>301</v>
      </c>
      <c r="C93" s="25" t="s">
        <v>302</v>
      </c>
      <c r="D93" s="53" t="s">
        <v>303</v>
      </c>
      <c r="E93" s="51" t="s">
        <v>24</v>
      </c>
      <c r="F93" s="27" t="s">
        <v>24</v>
      </c>
      <c r="G93" s="27" t="s">
        <v>24</v>
      </c>
      <c r="H93" s="27"/>
      <c r="I93" s="27" t="s">
        <v>33</v>
      </c>
      <c r="J93" s="27"/>
      <c r="K93" s="27"/>
      <c r="L93" s="27" t="s">
        <v>25</v>
      </c>
      <c r="M93" s="26" t="s">
        <v>25</v>
      </c>
      <c r="N93" s="26" t="s">
        <v>25</v>
      </c>
      <c r="O93" s="26" t="s">
        <v>25</v>
      </c>
      <c r="T93" s="12"/>
    </row>
    <row r="94" spans="1:20" x14ac:dyDescent="0.4">
      <c r="A94" s="23"/>
      <c r="B94" s="24" t="s">
        <v>304</v>
      </c>
      <c r="C94" s="25" t="s">
        <v>305</v>
      </c>
      <c r="D94" s="53" t="s">
        <v>306</v>
      </c>
      <c r="E94" s="51"/>
      <c r="F94" s="27" t="s">
        <v>24</v>
      </c>
      <c r="G94" s="27" t="s">
        <v>24</v>
      </c>
      <c r="H94" s="27"/>
      <c r="I94" s="27"/>
      <c r="J94" s="27"/>
      <c r="K94" s="27" t="s">
        <v>24</v>
      </c>
      <c r="L94" s="27" t="s">
        <v>25</v>
      </c>
      <c r="M94" s="26" t="s">
        <v>25</v>
      </c>
      <c r="N94" s="26" t="s">
        <v>25</v>
      </c>
      <c r="O94" s="28" t="s">
        <v>25</v>
      </c>
      <c r="T94" s="12"/>
    </row>
    <row r="95" spans="1:20" x14ac:dyDescent="0.4">
      <c r="A95" s="23"/>
      <c r="B95" s="24" t="s">
        <v>307</v>
      </c>
      <c r="C95" s="25" t="s">
        <v>308</v>
      </c>
      <c r="D95" s="53" t="s">
        <v>309</v>
      </c>
      <c r="E95" s="51" t="s">
        <v>24</v>
      </c>
      <c r="F95" s="27" t="s">
        <v>24</v>
      </c>
      <c r="G95" s="27" t="s">
        <v>24</v>
      </c>
      <c r="H95" s="27"/>
      <c r="I95" s="27"/>
      <c r="J95" s="27"/>
      <c r="K95" s="27" t="s">
        <v>24</v>
      </c>
      <c r="L95" s="27" t="s">
        <v>25</v>
      </c>
      <c r="M95" s="26" t="s">
        <v>25</v>
      </c>
      <c r="N95" s="26" t="s">
        <v>25</v>
      </c>
      <c r="O95" s="26" t="s">
        <v>25</v>
      </c>
      <c r="T95" s="12"/>
    </row>
    <row r="96" spans="1:20" x14ac:dyDescent="0.4">
      <c r="A96" s="23"/>
      <c r="B96" s="24" t="s">
        <v>310</v>
      </c>
      <c r="C96" s="25" t="s">
        <v>311</v>
      </c>
      <c r="D96" s="53" t="s">
        <v>312</v>
      </c>
      <c r="E96" s="51" t="s">
        <v>24</v>
      </c>
      <c r="F96" s="27" t="s">
        <v>24</v>
      </c>
      <c r="G96" s="27" t="s">
        <v>24</v>
      </c>
      <c r="H96" s="27"/>
      <c r="I96" s="27"/>
      <c r="J96" s="27"/>
      <c r="K96" s="27"/>
      <c r="L96" s="27" t="s">
        <v>24</v>
      </c>
      <c r="M96" s="26" t="s">
        <v>25</v>
      </c>
      <c r="N96" s="26" t="s">
        <v>25</v>
      </c>
      <c r="O96" s="26" t="s">
        <v>25</v>
      </c>
      <c r="T96" s="12"/>
    </row>
    <row r="97" spans="1:20" x14ac:dyDescent="0.4">
      <c r="A97" s="23" t="s">
        <v>313</v>
      </c>
      <c r="B97" s="24" t="s">
        <v>314</v>
      </c>
      <c r="C97" s="25" t="s">
        <v>315</v>
      </c>
      <c r="D97" s="53" t="s">
        <v>316</v>
      </c>
      <c r="E97" s="51"/>
      <c r="F97" s="27" t="s">
        <v>24</v>
      </c>
      <c r="G97" s="27" t="s">
        <v>24</v>
      </c>
      <c r="H97" s="27"/>
      <c r="I97" s="27"/>
      <c r="J97" s="27"/>
      <c r="K97" s="27" t="s">
        <v>33</v>
      </c>
      <c r="L97" s="27" t="s">
        <v>40</v>
      </c>
      <c r="M97" s="26" t="s">
        <v>40</v>
      </c>
      <c r="N97" s="26" t="s">
        <v>40</v>
      </c>
      <c r="O97" s="26" t="s">
        <v>242</v>
      </c>
      <c r="T97" s="12"/>
    </row>
    <row r="98" spans="1:20" x14ac:dyDescent="0.4">
      <c r="A98" s="23"/>
      <c r="B98" s="24" t="s">
        <v>317</v>
      </c>
      <c r="C98" s="25" t="s">
        <v>318</v>
      </c>
      <c r="D98" s="53" t="s">
        <v>319</v>
      </c>
      <c r="E98" s="51"/>
      <c r="F98" s="27" t="s">
        <v>24</v>
      </c>
      <c r="G98" s="27"/>
      <c r="H98" s="27"/>
      <c r="I98" s="27"/>
      <c r="J98" s="27"/>
      <c r="K98" s="27"/>
      <c r="L98" s="27" t="s">
        <v>25</v>
      </c>
      <c r="M98" s="26" t="s">
        <v>25</v>
      </c>
      <c r="N98" s="26" t="s">
        <v>25</v>
      </c>
      <c r="O98" s="26" t="s">
        <v>25</v>
      </c>
      <c r="T98" s="12"/>
    </row>
    <row r="99" spans="1:20" x14ac:dyDescent="0.4">
      <c r="A99" s="23"/>
      <c r="B99" s="24" t="s">
        <v>320</v>
      </c>
      <c r="C99" s="25" t="s">
        <v>321</v>
      </c>
      <c r="D99" s="53" t="s">
        <v>322</v>
      </c>
      <c r="E99" s="51"/>
      <c r="F99" s="27" t="s">
        <v>24</v>
      </c>
      <c r="G99" s="27" t="s">
        <v>24</v>
      </c>
      <c r="H99" s="27" t="s">
        <v>24</v>
      </c>
      <c r="I99" s="27"/>
      <c r="J99" s="27"/>
      <c r="K99" s="27" t="s">
        <v>24</v>
      </c>
      <c r="L99" s="27" t="s">
        <v>24</v>
      </c>
      <c r="M99" s="26" t="s">
        <v>24</v>
      </c>
      <c r="N99" s="26" t="s">
        <v>24</v>
      </c>
      <c r="O99" s="26" t="s">
        <v>25</v>
      </c>
      <c r="T99" s="12"/>
    </row>
    <row r="100" spans="1:20" x14ac:dyDescent="0.4">
      <c r="A100" s="23"/>
      <c r="B100" s="24" t="s">
        <v>323</v>
      </c>
      <c r="C100" s="25" t="s">
        <v>324</v>
      </c>
      <c r="D100" s="53" t="s">
        <v>325</v>
      </c>
      <c r="E100" s="51"/>
      <c r="F100" s="27" t="s">
        <v>24</v>
      </c>
      <c r="G100" s="27"/>
      <c r="H100" s="27"/>
      <c r="I100" s="27"/>
      <c r="J100" s="27"/>
      <c r="K100" s="27"/>
      <c r="L100" s="27" t="s">
        <v>25</v>
      </c>
      <c r="M100" s="26" t="s">
        <v>25</v>
      </c>
      <c r="N100" s="26" t="s">
        <v>25</v>
      </c>
      <c r="O100" s="26" t="s">
        <v>25</v>
      </c>
      <c r="T100" s="12"/>
    </row>
    <row r="101" spans="1:20" x14ac:dyDescent="0.4">
      <c r="A101" s="23"/>
      <c r="B101" s="24" t="s">
        <v>326</v>
      </c>
      <c r="C101" s="25" t="s">
        <v>327</v>
      </c>
      <c r="D101" s="53" t="s">
        <v>328</v>
      </c>
      <c r="E101" s="51" t="s">
        <v>24</v>
      </c>
      <c r="F101" s="27" t="s">
        <v>24</v>
      </c>
      <c r="G101" s="27" t="s">
        <v>24</v>
      </c>
      <c r="H101" s="27"/>
      <c r="I101" s="27" t="s">
        <v>33</v>
      </c>
      <c r="J101" s="27"/>
      <c r="K101" s="27"/>
      <c r="L101" s="27" t="s">
        <v>25</v>
      </c>
      <c r="M101" s="26" t="s">
        <v>25</v>
      </c>
      <c r="N101" s="26" t="s">
        <v>25</v>
      </c>
      <c r="O101" s="26" t="s">
        <v>25</v>
      </c>
      <c r="T101" s="12"/>
    </row>
    <row r="102" spans="1:20" x14ac:dyDescent="0.4">
      <c r="A102" s="23"/>
      <c r="B102" s="24" t="s">
        <v>329</v>
      </c>
      <c r="C102" s="25" t="s">
        <v>330</v>
      </c>
      <c r="D102" s="53" t="s">
        <v>331</v>
      </c>
      <c r="E102" s="51" t="s">
        <v>24</v>
      </c>
      <c r="F102" s="27" t="s">
        <v>24</v>
      </c>
      <c r="G102" s="27"/>
      <c r="H102" s="27"/>
      <c r="I102" s="27"/>
      <c r="J102" s="27"/>
      <c r="K102" s="27"/>
      <c r="L102" s="27" t="s">
        <v>25</v>
      </c>
      <c r="M102" s="26" t="s">
        <v>25</v>
      </c>
      <c r="N102" s="26" t="s">
        <v>25</v>
      </c>
      <c r="O102" s="26" t="s">
        <v>25</v>
      </c>
      <c r="T102" s="12"/>
    </row>
    <row r="103" spans="1:20" x14ac:dyDescent="0.4">
      <c r="A103" s="23"/>
      <c r="B103" s="24" t="s">
        <v>332</v>
      </c>
      <c r="C103" s="25" t="s">
        <v>333</v>
      </c>
      <c r="D103" s="53" t="s">
        <v>334</v>
      </c>
      <c r="E103" s="51" t="s">
        <v>24</v>
      </c>
      <c r="F103" s="27" t="s">
        <v>24</v>
      </c>
      <c r="G103" s="27" t="s">
        <v>24</v>
      </c>
      <c r="H103" s="27"/>
      <c r="I103" s="27"/>
      <c r="J103" s="27"/>
      <c r="K103" s="27"/>
      <c r="L103" s="27" t="s">
        <v>33</v>
      </c>
      <c r="M103" s="26" t="s">
        <v>25</v>
      </c>
      <c r="N103" s="26" t="s">
        <v>25</v>
      </c>
      <c r="O103" s="26" t="s">
        <v>25</v>
      </c>
      <c r="T103" s="12"/>
    </row>
    <row r="104" spans="1:20" x14ac:dyDescent="0.4">
      <c r="A104" s="23"/>
      <c r="B104" s="24" t="s">
        <v>335</v>
      </c>
      <c r="C104" s="25" t="s">
        <v>336</v>
      </c>
      <c r="D104" s="53" t="s">
        <v>337</v>
      </c>
      <c r="E104" s="51" t="s">
        <v>24</v>
      </c>
      <c r="F104" s="27" t="s">
        <v>24</v>
      </c>
      <c r="G104" s="27" t="s">
        <v>24</v>
      </c>
      <c r="H104" s="27"/>
      <c r="I104" s="27"/>
      <c r="J104" s="27"/>
      <c r="K104" s="27"/>
      <c r="L104" s="27" t="s">
        <v>24</v>
      </c>
      <c r="M104" s="26" t="s">
        <v>25</v>
      </c>
      <c r="N104" s="26" t="s">
        <v>25</v>
      </c>
      <c r="O104" s="26" t="s">
        <v>25</v>
      </c>
      <c r="T104" s="12"/>
    </row>
    <row r="105" spans="1:20" x14ac:dyDescent="0.4">
      <c r="A105" s="23" t="s">
        <v>338</v>
      </c>
      <c r="B105" s="24" t="s">
        <v>339</v>
      </c>
      <c r="C105" s="25" t="s">
        <v>340</v>
      </c>
      <c r="D105" s="53" t="s">
        <v>341</v>
      </c>
      <c r="E105" s="51" t="s">
        <v>24</v>
      </c>
      <c r="F105" s="27" t="s">
        <v>24</v>
      </c>
      <c r="G105" s="27" t="s">
        <v>24</v>
      </c>
      <c r="H105" s="27"/>
      <c r="I105" s="27"/>
      <c r="J105" s="27"/>
      <c r="K105" s="27"/>
      <c r="L105" s="27" t="s">
        <v>25</v>
      </c>
      <c r="M105" s="26" t="s">
        <v>25</v>
      </c>
      <c r="N105" s="26" t="s">
        <v>25</v>
      </c>
      <c r="O105" s="26" t="s">
        <v>25</v>
      </c>
      <c r="T105" s="12"/>
    </row>
    <row r="106" spans="1:20" x14ac:dyDescent="0.4">
      <c r="A106" s="23"/>
      <c r="B106" s="24" t="s">
        <v>342</v>
      </c>
      <c r="C106" s="25" t="s">
        <v>343</v>
      </c>
      <c r="D106" s="53" t="s">
        <v>344</v>
      </c>
      <c r="E106" s="51" t="s">
        <v>24</v>
      </c>
      <c r="F106" s="27" t="s">
        <v>24</v>
      </c>
      <c r="G106" s="27" t="s">
        <v>33</v>
      </c>
      <c r="H106" s="27"/>
      <c r="I106" s="27" t="s">
        <v>33</v>
      </c>
      <c r="J106" s="27"/>
      <c r="K106" s="27" t="s">
        <v>33</v>
      </c>
      <c r="L106" s="27" t="s">
        <v>25</v>
      </c>
      <c r="M106" s="26" t="s">
        <v>25</v>
      </c>
      <c r="N106" s="26" t="s">
        <v>25</v>
      </c>
      <c r="O106" s="26" t="s">
        <v>25</v>
      </c>
      <c r="T106" s="12"/>
    </row>
    <row r="107" spans="1:20" x14ac:dyDescent="0.4">
      <c r="A107" s="23"/>
      <c r="B107" s="24" t="s">
        <v>345</v>
      </c>
      <c r="C107" s="25" t="s">
        <v>346</v>
      </c>
      <c r="D107" s="53" t="s">
        <v>347</v>
      </c>
      <c r="E107" s="51"/>
      <c r="F107" s="27"/>
      <c r="G107" s="27" t="s">
        <v>24</v>
      </c>
      <c r="H107" s="27"/>
      <c r="I107" s="27"/>
      <c r="J107" s="27"/>
      <c r="K107" s="27"/>
      <c r="L107" s="27" t="s">
        <v>25</v>
      </c>
      <c r="M107" s="26" t="s">
        <v>25</v>
      </c>
      <c r="N107" s="26" t="s">
        <v>25</v>
      </c>
      <c r="O107" s="26" t="s">
        <v>25</v>
      </c>
      <c r="T107" s="12"/>
    </row>
    <row r="108" spans="1:20" x14ac:dyDescent="0.4">
      <c r="A108" s="23" t="s">
        <v>348</v>
      </c>
      <c r="B108" s="24" t="s">
        <v>349</v>
      </c>
      <c r="C108" s="25" t="s">
        <v>350</v>
      </c>
      <c r="D108" s="53" t="s">
        <v>351</v>
      </c>
      <c r="E108" s="51" t="s">
        <v>24</v>
      </c>
      <c r="F108" s="27" t="s">
        <v>24</v>
      </c>
      <c r="G108" s="27" t="s">
        <v>24</v>
      </c>
      <c r="H108" s="27"/>
      <c r="I108" s="27"/>
      <c r="J108" s="27"/>
      <c r="K108" s="27" t="s">
        <v>24</v>
      </c>
      <c r="L108" s="27" t="s">
        <v>25</v>
      </c>
      <c r="M108" s="26" t="s">
        <v>25</v>
      </c>
      <c r="N108" s="26" t="s">
        <v>25</v>
      </c>
      <c r="O108" s="26" t="s">
        <v>25</v>
      </c>
      <c r="T108" s="12"/>
    </row>
    <row r="109" spans="1:20" x14ac:dyDescent="0.4">
      <c r="A109" s="23"/>
      <c r="B109" s="24" t="s">
        <v>352</v>
      </c>
      <c r="C109" s="25" t="s">
        <v>353</v>
      </c>
      <c r="D109" s="53" t="s">
        <v>354</v>
      </c>
      <c r="E109" s="51" t="s">
        <v>24</v>
      </c>
      <c r="F109" s="27" t="s">
        <v>24</v>
      </c>
      <c r="G109" s="27"/>
      <c r="H109" s="27"/>
      <c r="I109" s="27"/>
      <c r="J109" s="27"/>
      <c r="K109" s="27"/>
      <c r="L109" s="27" t="s">
        <v>25</v>
      </c>
      <c r="M109" s="26" t="s">
        <v>25</v>
      </c>
      <c r="N109" s="26" t="s">
        <v>25</v>
      </c>
      <c r="O109" s="26" t="s">
        <v>25</v>
      </c>
      <c r="T109" s="12"/>
    </row>
    <row r="110" spans="1:20" x14ac:dyDescent="0.4">
      <c r="A110" s="23"/>
      <c r="B110" s="24" t="s">
        <v>355</v>
      </c>
      <c r="C110" s="25" t="s">
        <v>356</v>
      </c>
      <c r="D110" s="53" t="s">
        <v>357</v>
      </c>
      <c r="E110" s="51" t="s">
        <v>24</v>
      </c>
      <c r="F110" s="27" t="s">
        <v>24</v>
      </c>
      <c r="G110" s="27" t="s">
        <v>24</v>
      </c>
      <c r="H110" s="27"/>
      <c r="I110" s="27"/>
      <c r="J110" s="27"/>
      <c r="K110" s="27" t="s">
        <v>24</v>
      </c>
      <c r="L110" s="27" t="s">
        <v>24</v>
      </c>
      <c r="M110" s="26" t="s">
        <v>25</v>
      </c>
      <c r="N110" s="26" t="s">
        <v>25</v>
      </c>
      <c r="O110" s="28" t="s">
        <v>25</v>
      </c>
      <c r="T110" s="12"/>
    </row>
    <row r="111" spans="1:20" x14ac:dyDescent="0.4">
      <c r="A111" s="23"/>
      <c r="B111" s="24" t="s">
        <v>358</v>
      </c>
      <c r="C111" s="25" t="s">
        <v>359</v>
      </c>
      <c r="D111" s="53" t="s">
        <v>360</v>
      </c>
      <c r="E111" s="51" t="s">
        <v>24</v>
      </c>
      <c r="F111" s="27" t="s">
        <v>24</v>
      </c>
      <c r="G111" s="27" t="s">
        <v>24</v>
      </c>
      <c r="H111" s="27"/>
      <c r="I111" s="27" t="s">
        <v>33</v>
      </c>
      <c r="J111" s="27"/>
      <c r="K111" s="27" t="s">
        <v>33</v>
      </c>
      <c r="L111" s="27" t="s">
        <v>24</v>
      </c>
      <c r="M111" s="26" t="s">
        <v>25</v>
      </c>
      <c r="N111" s="26" t="s">
        <v>25</v>
      </c>
      <c r="O111" s="26" t="s">
        <v>25</v>
      </c>
      <c r="T111" s="12"/>
    </row>
    <row r="112" spans="1:20" x14ac:dyDescent="0.4">
      <c r="A112" s="23"/>
      <c r="B112" s="24" t="s">
        <v>361</v>
      </c>
      <c r="C112" s="25" t="s">
        <v>362</v>
      </c>
      <c r="D112" s="53" t="s">
        <v>363</v>
      </c>
      <c r="E112" s="51" t="s">
        <v>24</v>
      </c>
      <c r="F112" s="27" t="s">
        <v>24</v>
      </c>
      <c r="G112" s="27"/>
      <c r="H112" s="27"/>
      <c r="I112" s="27"/>
      <c r="J112" s="27"/>
      <c r="K112" s="27"/>
      <c r="L112" s="27" t="s">
        <v>25</v>
      </c>
      <c r="M112" s="26" t="s">
        <v>25</v>
      </c>
      <c r="N112" s="26" t="s">
        <v>25</v>
      </c>
      <c r="O112" s="26" t="s">
        <v>25</v>
      </c>
      <c r="T112" s="12"/>
    </row>
    <row r="113" spans="1:20" x14ac:dyDescent="0.4">
      <c r="A113" s="23"/>
      <c r="B113" s="24" t="s">
        <v>364</v>
      </c>
      <c r="C113" s="25" t="s">
        <v>365</v>
      </c>
      <c r="D113" s="53" t="s">
        <v>366</v>
      </c>
      <c r="E113" s="51" t="s">
        <v>24</v>
      </c>
      <c r="F113" s="27" t="s">
        <v>24</v>
      </c>
      <c r="G113" s="27"/>
      <c r="H113" s="27"/>
      <c r="I113" s="27"/>
      <c r="J113" s="27"/>
      <c r="K113" s="27"/>
      <c r="L113" s="27" t="s">
        <v>25</v>
      </c>
      <c r="M113" s="26" t="s">
        <v>25</v>
      </c>
      <c r="N113" s="26" t="s">
        <v>25</v>
      </c>
      <c r="O113" s="26" t="s">
        <v>25</v>
      </c>
      <c r="T113" s="12"/>
    </row>
    <row r="114" spans="1:20" x14ac:dyDescent="0.4">
      <c r="A114" s="23"/>
      <c r="B114" s="24" t="s">
        <v>367</v>
      </c>
      <c r="C114" s="25" t="s">
        <v>368</v>
      </c>
      <c r="D114" s="53" t="s">
        <v>369</v>
      </c>
      <c r="E114" s="51" t="s">
        <v>24</v>
      </c>
      <c r="F114" s="27"/>
      <c r="G114" s="27" t="s">
        <v>24</v>
      </c>
      <c r="H114" s="27"/>
      <c r="I114" s="27"/>
      <c r="J114" s="27"/>
      <c r="K114" s="27"/>
      <c r="L114" s="27" t="s">
        <v>25</v>
      </c>
      <c r="M114" s="26" t="s">
        <v>25</v>
      </c>
      <c r="N114" s="26" t="s">
        <v>25</v>
      </c>
      <c r="O114" s="26" t="s">
        <v>25</v>
      </c>
      <c r="T114" s="12"/>
    </row>
    <row r="115" spans="1:20" x14ac:dyDescent="0.4">
      <c r="A115" s="23"/>
      <c r="B115" s="24" t="s">
        <v>370</v>
      </c>
      <c r="C115" s="25" t="s">
        <v>371</v>
      </c>
      <c r="D115" s="53" t="s">
        <v>372</v>
      </c>
      <c r="E115" s="51"/>
      <c r="F115" s="27"/>
      <c r="G115" s="27" t="s">
        <v>24</v>
      </c>
      <c r="H115" s="27"/>
      <c r="I115" s="27"/>
      <c r="J115" s="27"/>
      <c r="K115" s="27"/>
      <c r="L115" s="27" t="s">
        <v>25</v>
      </c>
      <c r="M115" s="26" t="s">
        <v>25</v>
      </c>
      <c r="N115" s="26" t="s">
        <v>25</v>
      </c>
      <c r="O115" s="26" t="s">
        <v>25</v>
      </c>
      <c r="T115" s="12"/>
    </row>
    <row r="116" spans="1:20" x14ac:dyDescent="0.4">
      <c r="A116" s="23"/>
      <c r="B116" s="24" t="s">
        <v>373</v>
      </c>
      <c r="C116" s="25" t="s">
        <v>374</v>
      </c>
      <c r="D116" s="53" t="s">
        <v>375</v>
      </c>
      <c r="E116" s="51"/>
      <c r="F116" s="27" t="s">
        <v>24</v>
      </c>
      <c r="G116" s="27" t="s">
        <v>24</v>
      </c>
      <c r="H116" s="27"/>
      <c r="I116" s="27"/>
      <c r="J116" s="27"/>
      <c r="K116" s="27"/>
      <c r="L116" s="27" t="s">
        <v>24</v>
      </c>
      <c r="M116" s="26" t="s">
        <v>25</v>
      </c>
      <c r="N116" s="26" t="s">
        <v>25</v>
      </c>
      <c r="O116" s="26" t="s">
        <v>25</v>
      </c>
      <c r="T116" s="12"/>
    </row>
    <row r="117" spans="1:20" x14ac:dyDescent="0.4">
      <c r="A117" s="23" t="s">
        <v>376</v>
      </c>
      <c r="B117" s="24" t="s">
        <v>377</v>
      </c>
      <c r="C117" s="25" t="s">
        <v>378</v>
      </c>
      <c r="D117" s="53" t="s">
        <v>379</v>
      </c>
      <c r="E117" s="51" t="s">
        <v>24</v>
      </c>
      <c r="F117" s="27" t="s">
        <v>24</v>
      </c>
      <c r="G117" s="27" t="s">
        <v>33</v>
      </c>
      <c r="H117" s="27"/>
      <c r="I117" s="27"/>
      <c r="J117" s="27"/>
      <c r="K117" s="27"/>
      <c r="L117" s="27" t="s">
        <v>25</v>
      </c>
      <c r="M117" s="26" t="s">
        <v>25</v>
      </c>
      <c r="N117" s="26" t="s">
        <v>25</v>
      </c>
      <c r="O117" s="26" t="s">
        <v>25</v>
      </c>
      <c r="T117" s="12"/>
    </row>
    <row r="118" spans="1:20" x14ac:dyDescent="0.4">
      <c r="A118" s="23"/>
      <c r="B118" s="24" t="s">
        <v>380</v>
      </c>
      <c r="C118" s="25" t="s">
        <v>381</v>
      </c>
      <c r="D118" s="53" t="s">
        <v>382</v>
      </c>
      <c r="E118" s="51" t="s">
        <v>24</v>
      </c>
      <c r="F118" s="27" t="s">
        <v>24</v>
      </c>
      <c r="G118" s="27"/>
      <c r="H118" s="27"/>
      <c r="I118" s="27"/>
      <c r="J118" s="27"/>
      <c r="K118" s="27"/>
      <c r="L118" s="27" t="s">
        <v>25</v>
      </c>
      <c r="M118" s="26" t="s">
        <v>25</v>
      </c>
      <c r="N118" s="26" t="s">
        <v>25</v>
      </c>
      <c r="O118" s="26" t="s">
        <v>25</v>
      </c>
      <c r="T118" s="12"/>
    </row>
    <row r="119" spans="1:20" x14ac:dyDescent="0.4">
      <c r="A119" s="23"/>
      <c r="B119" s="24" t="s">
        <v>383</v>
      </c>
      <c r="C119" s="25" t="s">
        <v>384</v>
      </c>
      <c r="D119" s="53" t="s">
        <v>385</v>
      </c>
      <c r="E119" s="51" t="s">
        <v>24</v>
      </c>
      <c r="F119" s="27"/>
      <c r="G119" s="27"/>
      <c r="H119" s="27"/>
      <c r="I119" s="27"/>
      <c r="J119" s="27"/>
      <c r="K119" s="27"/>
      <c r="L119" s="27" t="s">
        <v>25</v>
      </c>
      <c r="M119" s="26" t="s">
        <v>25</v>
      </c>
      <c r="N119" s="26" t="s">
        <v>25</v>
      </c>
      <c r="O119" s="26" t="s">
        <v>25</v>
      </c>
      <c r="T119" s="12"/>
    </row>
    <row r="120" spans="1:20" x14ac:dyDescent="0.4">
      <c r="A120" s="23"/>
      <c r="B120" s="24" t="s">
        <v>386</v>
      </c>
      <c r="C120" s="25" t="s">
        <v>387</v>
      </c>
      <c r="D120" s="53" t="s">
        <v>388</v>
      </c>
      <c r="E120" s="51" t="s">
        <v>24</v>
      </c>
      <c r="F120" s="27" t="s">
        <v>24</v>
      </c>
      <c r="G120" s="27" t="s">
        <v>33</v>
      </c>
      <c r="H120" s="27"/>
      <c r="I120" s="27" t="s">
        <v>33</v>
      </c>
      <c r="J120" s="27"/>
      <c r="K120" s="27"/>
      <c r="L120" s="27" t="s">
        <v>25</v>
      </c>
      <c r="M120" s="26" t="s">
        <v>25</v>
      </c>
      <c r="N120" s="26" t="s">
        <v>25</v>
      </c>
      <c r="O120" s="26" t="s">
        <v>25</v>
      </c>
      <c r="T120" s="12"/>
    </row>
    <row r="121" spans="1:20" x14ac:dyDescent="0.4">
      <c r="A121" s="23"/>
      <c r="B121" s="24" t="s">
        <v>389</v>
      </c>
      <c r="C121" s="25" t="s">
        <v>390</v>
      </c>
      <c r="D121" s="53" t="s">
        <v>391</v>
      </c>
      <c r="E121" s="51"/>
      <c r="F121" s="27" t="s">
        <v>24</v>
      </c>
      <c r="G121" s="27" t="s">
        <v>24</v>
      </c>
      <c r="H121" s="27"/>
      <c r="I121" s="27" t="s">
        <v>33</v>
      </c>
      <c r="J121" s="27"/>
      <c r="K121" s="27"/>
      <c r="L121" s="27" t="s">
        <v>25</v>
      </c>
      <c r="M121" s="26" t="s">
        <v>25</v>
      </c>
      <c r="N121" s="26" t="s">
        <v>25</v>
      </c>
      <c r="O121" s="28" t="s">
        <v>25</v>
      </c>
      <c r="T121" s="12"/>
    </row>
    <row r="122" spans="1:20" x14ac:dyDescent="0.4">
      <c r="A122" s="23"/>
      <c r="B122" s="24" t="s">
        <v>392</v>
      </c>
      <c r="C122" s="25" t="s">
        <v>393</v>
      </c>
      <c r="D122" s="53" t="s">
        <v>394</v>
      </c>
      <c r="E122" s="51" t="s">
        <v>24</v>
      </c>
      <c r="F122" s="27" t="s">
        <v>24</v>
      </c>
      <c r="G122" s="27" t="s">
        <v>33</v>
      </c>
      <c r="H122" s="27"/>
      <c r="I122" s="27" t="s">
        <v>33</v>
      </c>
      <c r="J122" s="27"/>
      <c r="K122" s="27"/>
      <c r="L122" s="27" t="s">
        <v>25</v>
      </c>
      <c r="M122" s="26" t="s">
        <v>25</v>
      </c>
      <c r="N122" s="26" t="s">
        <v>25</v>
      </c>
      <c r="O122" s="26" t="s">
        <v>25</v>
      </c>
      <c r="T122" s="12"/>
    </row>
    <row r="123" spans="1:20" x14ac:dyDescent="0.4">
      <c r="A123" s="23"/>
      <c r="B123" s="24" t="s">
        <v>395</v>
      </c>
      <c r="C123" s="25" t="s">
        <v>396</v>
      </c>
      <c r="D123" s="53" t="s">
        <v>397</v>
      </c>
      <c r="E123" s="51" t="s">
        <v>24</v>
      </c>
      <c r="F123" s="27" t="s">
        <v>24</v>
      </c>
      <c r="G123" s="27" t="s">
        <v>24</v>
      </c>
      <c r="H123" s="27"/>
      <c r="I123" s="27"/>
      <c r="J123" s="27"/>
      <c r="K123" s="27"/>
      <c r="L123" s="27" t="s">
        <v>24</v>
      </c>
      <c r="M123" s="26" t="s">
        <v>25</v>
      </c>
      <c r="N123" s="26" t="s">
        <v>25</v>
      </c>
      <c r="O123" s="26" t="s">
        <v>25</v>
      </c>
      <c r="T123" s="12"/>
    </row>
    <row r="124" spans="1:20" x14ac:dyDescent="0.4">
      <c r="A124" s="23"/>
      <c r="B124" s="24" t="s">
        <v>398</v>
      </c>
      <c r="C124" s="25" t="s">
        <v>399</v>
      </c>
      <c r="D124" s="53" t="s">
        <v>400</v>
      </c>
      <c r="E124" s="51"/>
      <c r="F124" s="27" t="s">
        <v>24</v>
      </c>
      <c r="G124" s="27" t="s">
        <v>24</v>
      </c>
      <c r="H124" s="27"/>
      <c r="I124" s="27"/>
      <c r="J124" s="27"/>
      <c r="K124" s="27" t="s">
        <v>24</v>
      </c>
      <c r="L124" s="27" t="s">
        <v>25</v>
      </c>
      <c r="M124" s="26" t="s">
        <v>25</v>
      </c>
      <c r="N124" s="26" t="s">
        <v>25</v>
      </c>
      <c r="O124" s="26" t="s">
        <v>25</v>
      </c>
      <c r="T124" s="12"/>
    </row>
    <row r="125" spans="1:20" x14ac:dyDescent="0.4">
      <c r="A125" s="23"/>
      <c r="B125" s="24" t="s">
        <v>401</v>
      </c>
      <c r="C125" s="25" t="s">
        <v>402</v>
      </c>
      <c r="D125" s="53" t="s">
        <v>403</v>
      </c>
      <c r="E125" s="51" t="s">
        <v>24</v>
      </c>
      <c r="F125" s="27" t="s">
        <v>24</v>
      </c>
      <c r="G125" s="27"/>
      <c r="H125" s="27"/>
      <c r="I125" s="27"/>
      <c r="J125" s="27"/>
      <c r="K125" s="27"/>
      <c r="L125" s="27" t="s">
        <v>33</v>
      </c>
      <c r="M125" s="26" t="s">
        <v>25</v>
      </c>
      <c r="N125" s="26" t="s">
        <v>25</v>
      </c>
      <c r="O125" s="26" t="s">
        <v>25</v>
      </c>
      <c r="T125" s="12"/>
    </row>
    <row r="126" spans="1:20" x14ac:dyDescent="0.4">
      <c r="A126" s="23"/>
      <c r="B126" s="24" t="s">
        <v>404</v>
      </c>
      <c r="C126" s="25" t="s">
        <v>405</v>
      </c>
      <c r="D126" s="53" t="s">
        <v>406</v>
      </c>
      <c r="E126" s="51"/>
      <c r="F126" s="27" t="s">
        <v>24</v>
      </c>
      <c r="G126" s="27" t="s">
        <v>24</v>
      </c>
      <c r="H126" s="27"/>
      <c r="I126" s="27"/>
      <c r="J126" s="27"/>
      <c r="K126" s="27" t="s">
        <v>24</v>
      </c>
      <c r="L126" s="27" t="s">
        <v>25</v>
      </c>
      <c r="M126" s="26" t="s">
        <v>25</v>
      </c>
      <c r="N126" s="26" t="s">
        <v>25</v>
      </c>
      <c r="O126" s="26" t="s">
        <v>25</v>
      </c>
      <c r="T126" s="12"/>
    </row>
    <row r="127" spans="1:20" x14ac:dyDescent="0.4">
      <c r="A127" s="23"/>
      <c r="B127" s="24" t="s">
        <v>407</v>
      </c>
      <c r="C127" s="25" t="s">
        <v>408</v>
      </c>
      <c r="D127" s="53" t="s">
        <v>409</v>
      </c>
      <c r="E127" s="51" t="s">
        <v>24</v>
      </c>
      <c r="F127" s="27" t="s">
        <v>24</v>
      </c>
      <c r="G127" s="27"/>
      <c r="H127" s="27"/>
      <c r="I127" s="27"/>
      <c r="J127" s="27"/>
      <c r="K127" s="27"/>
      <c r="L127" s="27" t="s">
        <v>25</v>
      </c>
      <c r="M127" s="26" t="s">
        <v>25</v>
      </c>
      <c r="N127" s="26" t="s">
        <v>25</v>
      </c>
      <c r="O127" s="26" t="s">
        <v>25</v>
      </c>
      <c r="T127" s="12"/>
    </row>
    <row r="128" spans="1:20" x14ac:dyDescent="0.4">
      <c r="A128" s="23" t="s">
        <v>410</v>
      </c>
      <c r="B128" s="24" t="s">
        <v>411</v>
      </c>
      <c r="C128" s="25" t="s">
        <v>412</v>
      </c>
      <c r="D128" s="53" t="s">
        <v>413</v>
      </c>
      <c r="E128" s="51" t="s">
        <v>24</v>
      </c>
      <c r="F128" s="27" t="s">
        <v>24</v>
      </c>
      <c r="G128" s="27" t="s">
        <v>24</v>
      </c>
      <c r="H128" s="27"/>
      <c r="I128" s="27" t="s">
        <v>33</v>
      </c>
      <c r="J128" s="27"/>
      <c r="K128" s="27"/>
      <c r="L128" s="27" t="s">
        <v>25</v>
      </c>
      <c r="M128" s="26" t="s">
        <v>25</v>
      </c>
      <c r="N128" s="26" t="s">
        <v>25</v>
      </c>
      <c r="O128" s="26" t="s">
        <v>25</v>
      </c>
      <c r="T128" s="12"/>
    </row>
    <row r="129" spans="1:20" x14ac:dyDescent="0.4">
      <c r="A129" s="23"/>
      <c r="B129" s="24" t="s">
        <v>414</v>
      </c>
      <c r="C129" s="25" t="s">
        <v>415</v>
      </c>
      <c r="D129" s="53" t="s">
        <v>416</v>
      </c>
      <c r="E129" s="51" t="s">
        <v>24</v>
      </c>
      <c r="F129" s="27" t="s">
        <v>24</v>
      </c>
      <c r="G129" s="27" t="s">
        <v>24</v>
      </c>
      <c r="H129" s="27"/>
      <c r="I129" s="27"/>
      <c r="J129" s="27"/>
      <c r="K129" s="27"/>
      <c r="L129" s="27" t="s">
        <v>25</v>
      </c>
      <c r="M129" s="26" t="s">
        <v>25</v>
      </c>
      <c r="N129" s="26" t="s">
        <v>25</v>
      </c>
      <c r="O129" s="26" t="s">
        <v>25</v>
      </c>
      <c r="T129" s="12"/>
    </row>
    <row r="130" spans="1:20" x14ac:dyDescent="0.4">
      <c r="A130" s="23"/>
      <c r="B130" s="24" t="s">
        <v>417</v>
      </c>
      <c r="C130" s="25" t="s">
        <v>418</v>
      </c>
      <c r="D130" s="53" t="s">
        <v>419</v>
      </c>
      <c r="E130" s="51" t="s">
        <v>24</v>
      </c>
      <c r="F130" s="27" t="s">
        <v>24</v>
      </c>
      <c r="G130" s="27" t="s">
        <v>24</v>
      </c>
      <c r="H130" s="27"/>
      <c r="I130" s="27" t="s">
        <v>33</v>
      </c>
      <c r="J130" s="27"/>
      <c r="K130" s="27"/>
      <c r="L130" s="27" t="s">
        <v>25</v>
      </c>
      <c r="M130" s="26" t="s">
        <v>25</v>
      </c>
      <c r="N130" s="26" t="s">
        <v>25</v>
      </c>
      <c r="O130" s="26" t="s">
        <v>25</v>
      </c>
      <c r="T130" s="12"/>
    </row>
    <row r="131" spans="1:20" x14ac:dyDescent="0.4">
      <c r="A131" s="23"/>
      <c r="B131" s="24" t="s">
        <v>420</v>
      </c>
      <c r="C131" s="25" t="s">
        <v>421</v>
      </c>
      <c r="D131" s="53" t="s">
        <v>422</v>
      </c>
      <c r="E131" s="51" t="s">
        <v>24</v>
      </c>
      <c r="F131" s="27" t="s">
        <v>24</v>
      </c>
      <c r="G131" s="27" t="s">
        <v>33</v>
      </c>
      <c r="H131" s="27"/>
      <c r="I131" s="27" t="s">
        <v>33</v>
      </c>
      <c r="J131" s="27"/>
      <c r="K131" s="27" t="s">
        <v>33</v>
      </c>
      <c r="L131" s="27" t="s">
        <v>25</v>
      </c>
      <c r="M131" s="26" t="s">
        <v>25</v>
      </c>
      <c r="N131" s="26" t="s">
        <v>25</v>
      </c>
      <c r="O131" s="26" t="s">
        <v>25</v>
      </c>
      <c r="T131" s="12"/>
    </row>
    <row r="132" spans="1:20" x14ac:dyDescent="0.4">
      <c r="A132" s="23"/>
      <c r="B132" s="24" t="s">
        <v>423</v>
      </c>
      <c r="C132" s="25" t="s">
        <v>424</v>
      </c>
      <c r="D132" s="53" t="s">
        <v>425</v>
      </c>
      <c r="E132" s="51" t="s">
        <v>24</v>
      </c>
      <c r="F132" s="27" t="s">
        <v>24</v>
      </c>
      <c r="G132" s="27" t="s">
        <v>24</v>
      </c>
      <c r="H132" s="27"/>
      <c r="I132" s="27"/>
      <c r="J132" s="27"/>
      <c r="K132" s="27" t="s">
        <v>24</v>
      </c>
      <c r="L132" s="27" t="s">
        <v>25</v>
      </c>
      <c r="M132" s="26" t="s">
        <v>25</v>
      </c>
      <c r="N132" s="26" t="s">
        <v>25</v>
      </c>
      <c r="O132" s="26" t="s">
        <v>25</v>
      </c>
      <c r="T132" s="12"/>
    </row>
    <row r="133" spans="1:20" x14ac:dyDescent="0.4">
      <c r="A133" s="23"/>
      <c r="B133" s="24" t="s">
        <v>426</v>
      </c>
      <c r="C133" s="25" t="s">
        <v>427</v>
      </c>
      <c r="D133" s="53" t="s">
        <v>428</v>
      </c>
      <c r="E133" s="51"/>
      <c r="F133" s="27" t="s">
        <v>24</v>
      </c>
      <c r="G133" s="27"/>
      <c r="H133" s="27"/>
      <c r="I133" s="27"/>
      <c r="J133" s="27"/>
      <c r="K133" s="27"/>
      <c r="L133" s="27" t="s">
        <v>25</v>
      </c>
      <c r="M133" s="26" t="s">
        <v>25</v>
      </c>
      <c r="N133" s="26" t="s">
        <v>25</v>
      </c>
      <c r="O133" s="26" t="s">
        <v>25</v>
      </c>
      <c r="T133" s="12"/>
    </row>
    <row r="134" spans="1:20" x14ac:dyDescent="0.4">
      <c r="A134" s="23" t="s">
        <v>429</v>
      </c>
      <c r="B134" s="24" t="s">
        <v>430</v>
      </c>
      <c r="C134" s="25" t="s">
        <v>431</v>
      </c>
      <c r="D134" s="53" t="s">
        <v>432</v>
      </c>
      <c r="E134" s="51" t="s">
        <v>24</v>
      </c>
      <c r="F134" s="27" t="s">
        <v>24</v>
      </c>
      <c r="G134" s="27"/>
      <c r="H134" s="27"/>
      <c r="I134" s="27"/>
      <c r="J134" s="27"/>
      <c r="K134" s="27"/>
      <c r="L134" s="27" t="s">
        <v>25</v>
      </c>
      <c r="M134" s="26" t="s">
        <v>25</v>
      </c>
      <c r="N134" s="26" t="s">
        <v>25</v>
      </c>
      <c r="O134" s="26" t="s">
        <v>25</v>
      </c>
      <c r="T134" s="12"/>
    </row>
    <row r="135" spans="1:20" x14ac:dyDescent="0.4">
      <c r="A135" s="23"/>
      <c r="B135" s="24" t="s">
        <v>433</v>
      </c>
      <c r="C135" s="25" t="s">
        <v>434</v>
      </c>
      <c r="D135" s="53" t="s">
        <v>435</v>
      </c>
      <c r="E135" s="51"/>
      <c r="F135" s="27" t="s">
        <v>24</v>
      </c>
      <c r="G135" s="27" t="s">
        <v>24</v>
      </c>
      <c r="H135" s="27"/>
      <c r="I135" s="27"/>
      <c r="J135" s="27"/>
      <c r="K135" s="27"/>
      <c r="L135" s="27" t="s">
        <v>25</v>
      </c>
      <c r="M135" s="26" t="s">
        <v>25</v>
      </c>
      <c r="N135" s="26" t="s">
        <v>25</v>
      </c>
      <c r="O135" s="26" t="s">
        <v>25</v>
      </c>
      <c r="T135" s="12"/>
    </row>
    <row r="136" spans="1:20" x14ac:dyDescent="0.4">
      <c r="A136" s="23"/>
      <c r="B136" s="24" t="s">
        <v>436</v>
      </c>
      <c r="C136" s="25" t="s">
        <v>437</v>
      </c>
      <c r="D136" s="53" t="s">
        <v>438</v>
      </c>
      <c r="E136" s="51" t="s">
        <v>24</v>
      </c>
      <c r="F136" s="27"/>
      <c r="G136" s="27"/>
      <c r="H136" s="27"/>
      <c r="I136" s="27"/>
      <c r="J136" s="27"/>
      <c r="K136" s="27"/>
      <c r="L136" s="27" t="s">
        <v>25</v>
      </c>
      <c r="M136" s="26" t="s">
        <v>25</v>
      </c>
      <c r="N136" s="26" t="s">
        <v>25</v>
      </c>
      <c r="O136" s="26" t="s">
        <v>25</v>
      </c>
      <c r="T136" s="12"/>
    </row>
    <row r="137" spans="1:20" x14ac:dyDescent="0.4">
      <c r="A137" s="23"/>
      <c r="B137" s="24" t="s">
        <v>439</v>
      </c>
      <c r="C137" s="25" t="s">
        <v>440</v>
      </c>
      <c r="D137" s="53" t="s">
        <v>441</v>
      </c>
      <c r="E137" s="51"/>
      <c r="F137" s="27" t="s">
        <v>24</v>
      </c>
      <c r="G137" s="27" t="s">
        <v>24</v>
      </c>
      <c r="H137" s="27"/>
      <c r="I137" s="27"/>
      <c r="J137" s="27"/>
      <c r="K137" s="27" t="s">
        <v>24</v>
      </c>
      <c r="L137" s="27" t="s">
        <v>25</v>
      </c>
      <c r="M137" s="26" t="s">
        <v>25</v>
      </c>
      <c r="N137" s="26" t="s">
        <v>25</v>
      </c>
      <c r="O137" s="26" t="s">
        <v>25</v>
      </c>
      <c r="T137" s="12"/>
    </row>
    <row r="138" spans="1:20" x14ac:dyDescent="0.4">
      <c r="A138" s="23"/>
      <c r="B138" s="24" t="s">
        <v>442</v>
      </c>
      <c r="C138" s="25" t="s">
        <v>443</v>
      </c>
      <c r="D138" s="53" t="s">
        <v>444</v>
      </c>
      <c r="E138" s="51"/>
      <c r="F138" s="27"/>
      <c r="G138" s="27" t="s">
        <v>24</v>
      </c>
      <c r="H138" s="27"/>
      <c r="I138" s="27"/>
      <c r="J138" s="27"/>
      <c r="K138" s="27" t="s">
        <v>33</v>
      </c>
      <c r="L138" s="27" t="s">
        <v>24</v>
      </c>
      <c r="M138" s="26" t="s">
        <v>25</v>
      </c>
      <c r="N138" s="26" t="s">
        <v>25</v>
      </c>
      <c r="O138" s="26" t="s">
        <v>25</v>
      </c>
      <c r="T138" s="12"/>
    </row>
    <row r="139" spans="1:20" x14ac:dyDescent="0.4">
      <c r="A139" s="23"/>
      <c r="B139" s="24" t="s">
        <v>445</v>
      </c>
      <c r="C139" s="25" t="s">
        <v>446</v>
      </c>
      <c r="D139" s="53" t="s">
        <v>447</v>
      </c>
      <c r="E139" s="51"/>
      <c r="F139" s="27" t="s">
        <v>24</v>
      </c>
      <c r="G139" s="27" t="s">
        <v>24</v>
      </c>
      <c r="H139" s="27"/>
      <c r="I139" s="27"/>
      <c r="J139" s="27"/>
      <c r="K139" s="27" t="s">
        <v>24</v>
      </c>
      <c r="L139" s="27" t="s">
        <v>25</v>
      </c>
      <c r="M139" s="26" t="s">
        <v>25</v>
      </c>
      <c r="N139" s="26" t="s">
        <v>25</v>
      </c>
      <c r="O139" s="26" t="s">
        <v>25</v>
      </c>
      <c r="T139" s="12"/>
    </row>
    <row r="140" spans="1:20" x14ac:dyDescent="0.4">
      <c r="A140" s="23"/>
      <c r="B140" s="24" t="s">
        <v>448</v>
      </c>
      <c r="C140" s="25" t="s">
        <v>449</v>
      </c>
      <c r="D140" s="53" t="s">
        <v>450</v>
      </c>
      <c r="E140" s="51"/>
      <c r="F140" s="27"/>
      <c r="G140" s="27" t="s">
        <v>24</v>
      </c>
      <c r="H140" s="27"/>
      <c r="I140" s="27"/>
      <c r="J140" s="27"/>
      <c r="K140" s="27" t="s">
        <v>24</v>
      </c>
      <c r="L140" s="27" t="s">
        <v>25</v>
      </c>
      <c r="M140" s="26" t="s">
        <v>25</v>
      </c>
      <c r="N140" s="26" t="s">
        <v>25</v>
      </c>
      <c r="O140" s="26" t="s">
        <v>25</v>
      </c>
      <c r="T140" s="12"/>
    </row>
    <row r="141" spans="1:20" x14ac:dyDescent="0.4">
      <c r="A141" s="23"/>
      <c r="B141" s="24" t="s">
        <v>451</v>
      </c>
      <c r="C141" s="25" t="s">
        <v>452</v>
      </c>
      <c r="D141" s="53" t="s">
        <v>453</v>
      </c>
      <c r="E141" s="51"/>
      <c r="F141" s="27"/>
      <c r="G141" s="27" t="s">
        <v>24</v>
      </c>
      <c r="H141" s="27"/>
      <c r="I141" s="27"/>
      <c r="J141" s="27"/>
      <c r="K141" s="27" t="s">
        <v>33</v>
      </c>
      <c r="L141" s="27" t="s">
        <v>25</v>
      </c>
      <c r="M141" s="26" t="s">
        <v>25</v>
      </c>
      <c r="N141" s="26" t="s">
        <v>25</v>
      </c>
      <c r="O141" s="26" t="s">
        <v>25</v>
      </c>
      <c r="T141" s="12"/>
    </row>
    <row r="142" spans="1:20" x14ac:dyDescent="0.4">
      <c r="A142" s="23" t="s">
        <v>454</v>
      </c>
      <c r="B142" s="24" t="s">
        <v>455</v>
      </c>
      <c r="C142" s="25" t="s">
        <v>456</v>
      </c>
      <c r="D142" s="53" t="s">
        <v>457</v>
      </c>
      <c r="E142" s="51" t="s">
        <v>24</v>
      </c>
      <c r="F142" s="27" t="s">
        <v>24</v>
      </c>
      <c r="G142" s="27" t="s">
        <v>24</v>
      </c>
      <c r="H142" s="27"/>
      <c r="I142" s="27"/>
      <c r="J142" s="27"/>
      <c r="K142" s="27" t="s">
        <v>33</v>
      </c>
      <c r="L142" s="27" t="s">
        <v>24</v>
      </c>
      <c r="M142" s="26" t="s">
        <v>25</v>
      </c>
      <c r="N142" s="26" t="s">
        <v>25</v>
      </c>
      <c r="O142" s="26" t="s">
        <v>25</v>
      </c>
      <c r="T142" s="12"/>
    </row>
    <row r="143" spans="1:20" x14ac:dyDescent="0.4">
      <c r="A143" s="23"/>
      <c r="B143" s="24" t="s">
        <v>458</v>
      </c>
      <c r="C143" s="25" t="s">
        <v>459</v>
      </c>
      <c r="D143" s="53" t="s">
        <v>460</v>
      </c>
      <c r="E143" s="51" t="s">
        <v>24</v>
      </c>
      <c r="F143" s="27" t="s">
        <v>24</v>
      </c>
      <c r="G143" s="27"/>
      <c r="H143" s="27"/>
      <c r="I143" s="27"/>
      <c r="J143" s="27"/>
      <c r="K143" s="27"/>
      <c r="L143" s="27" t="s">
        <v>25</v>
      </c>
      <c r="M143" s="26" t="s">
        <v>25</v>
      </c>
      <c r="N143" s="26" t="s">
        <v>25</v>
      </c>
      <c r="O143" s="26" t="s">
        <v>25</v>
      </c>
      <c r="T143" s="12"/>
    </row>
    <row r="144" spans="1:20" x14ac:dyDescent="0.4">
      <c r="A144" s="23"/>
      <c r="B144" s="24" t="s">
        <v>461</v>
      </c>
      <c r="C144" s="25" t="s">
        <v>462</v>
      </c>
      <c r="D144" s="53" t="s">
        <v>463</v>
      </c>
      <c r="E144" s="51" t="s">
        <v>24</v>
      </c>
      <c r="F144" s="27" t="s">
        <v>24</v>
      </c>
      <c r="G144" s="27" t="s">
        <v>24</v>
      </c>
      <c r="H144" s="27"/>
      <c r="I144" s="27" t="s">
        <v>33</v>
      </c>
      <c r="J144" s="27"/>
      <c r="K144" s="27"/>
      <c r="L144" s="27" t="s">
        <v>25</v>
      </c>
      <c r="M144" s="26" t="s">
        <v>25</v>
      </c>
      <c r="N144" s="26" t="s">
        <v>25</v>
      </c>
      <c r="O144" s="26" t="s">
        <v>25</v>
      </c>
      <c r="T144" s="12"/>
    </row>
    <row r="145" spans="1:20" x14ac:dyDescent="0.4">
      <c r="A145" s="23"/>
      <c r="B145" s="24" t="s">
        <v>464</v>
      </c>
      <c r="C145" s="25" t="s">
        <v>465</v>
      </c>
      <c r="D145" s="53" t="s">
        <v>466</v>
      </c>
      <c r="E145" s="51" t="s">
        <v>24</v>
      </c>
      <c r="F145" s="27" t="s">
        <v>24</v>
      </c>
      <c r="G145" s="27" t="s">
        <v>24</v>
      </c>
      <c r="H145" s="27"/>
      <c r="I145" s="27"/>
      <c r="J145" s="27"/>
      <c r="K145" s="27"/>
      <c r="L145" s="27" t="s">
        <v>25</v>
      </c>
      <c r="M145" s="26" t="s">
        <v>25</v>
      </c>
      <c r="N145" s="26" t="s">
        <v>25</v>
      </c>
      <c r="O145" s="26" t="s">
        <v>25</v>
      </c>
      <c r="T145" s="12"/>
    </row>
    <row r="146" spans="1:20" x14ac:dyDescent="0.4">
      <c r="A146" s="23"/>
      <c r="B146" s="24" t="s">
        <v>467</v>
      </c>
      <c r="C146" s="25" t="s">
        <v>468</v>
      </c>
      <c r="D146" s="53" t="s">
        <v>469</v>
      </c>
      <c r="E146" s="51" t="s">
        <v>24</v>
      </c>
      <c r="F146" s="27" t="s">
        <v>24</v>
      </c>
      <c r="G146" s="27"/>
      <c r="H146" s="27"/>
      <c r="I146" s="27"/>
      <c r="J146" s="27"/>
      <c r="K146" s="27"/>
      <c r="L146" s="27" t="s">
        <v>25</v>
      </c>
      <c r="M146" s="26" t="s">
        <v>25</v>
      </c>
      <c r="N146" s="26" t="s">
        <v>25</v>
      </c>
      <c r="O146" s="26" t="s">
        <v>25</v>
      </c>
      <c r="T146" s="12"/>
    </row>
    <row r="147" spans="1:20" x14ac:dyDescent="0.4">
      <c r="A147" s="23"/>
      <c r="B147" s="24" t="s">
        <v>470</v>
      </c>
      <c r="C147" s="25" t="s">
        <v>471</v>
      </c>
      <c r="D147" s="53" t="s">
        <v>472</v>
      </c>
      <c r="E147" s="51" t="s">
        <v>24</v>
      </c>
      <c r="F147" s="27" t="s">
        <v>24</v>
      </c>
      <c r="G147" s="27" t="s">
        <v>24</v>
      </c>
      <c r="H147" s="27"/>
      <c r="I147" s="27"/>
      <c r="J147" s="27"/>
      <c r="K147" s="27" t="s">
        <v>33</v>
      </c>
      <c r="L147" s="27" t="s">
        <v>25</v>
      </c>
      <c r="M147" s="26" t="s">
        <v>25</v>
      </c>
      <c r="N147" s="26" t="s">
        <v>25</v>
      </c>
      <c r="O147" s="26" t="s">
        <v>25</v>
      </c>
      <c r="T147" s="12"/>
    </row>
    <row r="148" spans="1:20" x14ac:dyDescent="0.4">
      <c r="A148" s="23" t="s">
        <v>473</v>
      </c>
      <c r="B148" s="24" t="s">
        <v>474</v>
      </c>
      <c r="C148" s="25" t="s">
        <v>475</v>
      </c>
      <c r="D148" s="53" t="s">
        <v>476</v>
      </c>
      <c r="E148" s="51" t="s">
        <v>24</v>
      </c>
      <c r="F148" s="27" t="s">
        <v>24</v>
      </c>
      <c r="G148" s="27" t="s">
        <v>24</v>
      </c>
      <c r="H148" s="27"/>
      <c r="I148" s="27"/>
      <c r="J148" s="27"/>
      <c r="K148" s="27"/>
      <c r="L148" s="27" t="s">
        <v>25</v>
      </c>
      <c r="M148" s="26" t="s">
        <v>25</v>
      </c>
      <c r="N148" s="26" t="s">
        <v>25</v>
      </c>
      <c r="O148" s="26" t="s">
        <v>25</v>
      </c>
      <c r="T148" s="12"/>
    </row>
    <row r="149" spans="1:20" x14ac:dyDescent="0.4">
      <c r="A149" s="23"/>
      <c r="B149" s="24" t="s">
        <v>477</v>
      </c>
      <c r="C149" s="25" t="s">
        <v>478</v>
      </c>
      <c r="D149" s="53" t="s">
        <v>479</v>
      </c>
      <c r="E149" s="51"/>
      <c r="F149" s="27" t="s">
        <v>24</v>
      </c>
      <c r="G149" s="27" t="s">
        <v>24</v>
      </c>
      <c r="H149" s="27"/>
      <c r="I149" s="27"/>
      <c r="J149" s="27"/>
      <c r="K149" s="27"/>
      <c r="L149" s="27" t="s">
        <v>25</v>
      </c>
      <c r="M149" s="26" t="s">
        <v>25</v>
      </c>
      <c r="N149" s="26" t="s">
        <v>25</v>
      </c>
      <c r="O149" s="26" t="s">
        <v>25</v>
      </c>
      <c r="T149" s="12"/>
    </row>
    <row r="150" spans="1:20" x14ac:dyDescent="0.4">
      <c r="A150" s="23"/>
      <c r="B150" s="24" t="s">
        <v>480</v>
      </c>
      <c r="C150" s="25" t="s">
        <v>481</v>
      </c>
      <c r="D150" s="53" t="s">
        <v>482</v>
      </c>
      <c r="E150" s="51"/>
      <c r="F150" s="27" t="s">
        <v>24</v>
      </c>
      <c r="G150" s="27" t="s">
        <v>24</v>
      </c>
      <c r="H150" s="27"/>
      <c r="I150" s="27"/>
      <c r="J150" s="27"/>
      <c r="K150" s="27"/>
      <c r="L150" s="27" t="s">
        <v>25</v>
      </c>
      <c r="M150" s="26" t="s">
        <v>25</v>
      </c>
      <c r="N150" s="26" t="s">
        <v>25</v>
      </c>
      <c r="O150" s="26" t="s">
        <v>25</v>
      </c>
      <c r="T150" s="12"/>
    </row>
    <row r="151" spans="1:20" x14ac:dyDescent="0.4">
      <c r="A151" s="23"/>
      <c r="B151" s="24" t="s">
        <v>483</v>
      </c>
      <c r="C151" s="25" t="s">
        <v>484</v>
      </c>
      <c r="D151" s="53" t="s">
        <v>485</v>
      </c>
      <c r="E151" s="51"/>
      <c r="F151" s="27" t="s">
        <v>24</v>
      </c>
      <c r="G151" s="27" t="s">
        <v>24</v>
      </c>
      <c r="H151" s="27"/>
      <c r="I151" s="27"/>
      <c r="J151" s="27"/>
      <c r="K151" s="27" t="s">
        <v>24</v>
      </c>
      <c r="L151" s="27" t="s">
        <v>25</v>
      </c>
      <c r="M151" s="26" t="s">
        <v>25</v>
      </c>
      <c r="N151" s="26" t="s">
        <v>25</v>
      </c>
      <c r="O151" s="26" t="s">
        <v>25</v>
      </c>
      <c r="T151" s="12"/>
    </row>
    <row r="152" spans="1:20" x14ac:dyDescent="0.4">
      <c r="A152" s="23"/>
      <c r="B152" s="24" t="s">
        <v>486</v>
      </c>
      <c r="C152" s="25" t="s">
        <v>487</v>
      </c>
      <c r="D152" s="53" t="s">
        <v>488</v>
      </c>
      <c r="E152" s="51"/>
      <c r="F152" s="27" t="s">
        <v>24</v>
      </c>
      <c r="G152" s="27" t="s">
        <v>24</v>
      </c>
      <c r="H152" s="27"/>
      <c r="I152" s="27"/>
      <c r="J152" s="27"/>
      <c r="K152" s="27" t="s">
        <v>24</v>
      </c>
      <c r="L152" s="27" t="s">
        <v>24</v>
      </c>
      <c r="M152" s="26" t="s">
        <v>25</v>
      </c>
      <c r="N152" s="26" t="s">
        <v>25</v>
      </c>
      <c r="O152" s="26" t="s">
        <v>25</v>
      </c>
      <c r="T152" s="12"/>
    </row>
    <row r="153" spans="1:20" x14ac:dyDescent="0.4">
      <c r="A153" s="23"/>
      <c r="B153" s="24" t="s">
        <v>489</v>
      </c>
      <c r="C153" s="25" t="s">
        <v>490</v>
      </c>
      <c r="D153" s="53" t="s">
        <v>491</v>
      </c>
      <c r="E153" s="51"/>
      <c r="F153" s="27" t="s">
        <v>24</v>
      </c>
      <c r="G153" s="27" t="s">
        <v>24</v>
      </c>
      <c r="H153" s="27"/>
      <c r="I153" s="27"/>
      <c r="J153" s="27"/>
      <c r="K153" s="27" t="s">
        <v>24</v>
      </c>
      <c r="L153" s="27" t="s">
        <v>25</v>
      </c>
      <c r="M153" s="26" t="s">
        <v>25</v>
      </c>
      <c r="N153" s="26" t="s">
        <v>25</v>
      </c>
      <c r="O153" s="26" t="s">
        <v>25</v>
      </c>
      <c r="T153" s="12"/>
    </row>
    <row r="154" spans="1:20" x14ac:dyDescent="0.4">
      <c r="A154" s="23"/>
      <c r="B154" s="24" t="s">
        <v>492</v>
      </c>
      <c r="C154" s="25" t="s">
        <v>493</v>
      </c>
      <c r="D154" s="53" t="s">
        <v>494</v>
      </c>
      <c r="E154" s="51"/>
      <c r="F154" s="27" t="s">
        <v>24</v>
      </c>
      <c r="G154" s="27" t="s">
        <v>24</v>
      </c>
      <c r="H154" s="27"/>
      <c r="I154" s="27"/>
      <c r="J154" s="27"/>
      <c r="K154" s="27"/>
      <c r="L154" s="27" t="s">
        <v>25</v>
      </c>
      <c r="M154" s="26" t="s">
        <v>25</v>
      </c>
      <c r="N154" s="26" t="s">
        <v>25</v>
      </c>
      <c r="O154" s="26" t="s">
        <v>25</v>
      </c>
      <c r="T154" s="12"/>
    </row>
    <row r="155" spans="1:20" x14ac:dyDescent="0.4">
      <c r="A155" s="23"/>
      <c r="B155" s="24" t="s">
        <v>495</v>
      </c>
      <c r="C155" s="25" t="s">
        <v>496</v>
      </c>
      <c r="D155" s="53" t="s">
        <v>497</v>
      </c>
      <c r="E155" s="51"/>
      <c r="F155" s="27" t="s">
        <v>24</v>
      </c>
      <c r="G155" s="27" t="s">
        <v>24</v>
      </c>
      <c r="H155" s="27"/>
      <c r="I155" s="27"/>
      <c r="J155" s="27"/>
      <c r="K155" s="27" t="s">
        <v>24</v>
      </c>
      <c r="L155" s="27" t="s">
        <v>25</v>
      </c>
      <c r="M155" s="26" t="s">
        <v>25</v>
      </c>
      <c r="N155" s="26" t="s">
        <v>25</v>
      </c>
      <c r="O155" s="26" t="s">
        <v>25</v>
      </c>
      <c r="T155" s="12"/>
    </row>
    <row r="156" spans="1:20" x14ac:dyDescent="0.4">
      <c r="A156" s="23"/>
      <c r="B156" s="24" t="s">
        <v>498</v>
      </c>
      <c r="C156" s="25" t="s">
        <v>499</v>
      </c>
      <c r="D156" s="53" t="s">
        <v>500</v>
      </c>
      <c r="E156" s="51"/>
      <c r="F156" s="27"/>
      <c r="G156" s="27" t="s">
        <v>24</v>
      </c>
      <c r="H156" s="27"/>
      <c r="I156" s="27"/>
      <c r="J156" s="27"/>
      <c r="K156" s="27" t="s">
        <v>33</v>
      </c>
      <c r="L156" s="27" t="s">
        <v>33</v>
      </c>
      <c r="M156" s="26" t="s">
        <v>25</v>
      </c>
      <c r="N156" s="26" t="s">
        <v>25</v>
      </c>
      <c r="O156" s="26" t="s">
        <v>25</v>
      </c>
      <c r="T156" s="12"/>
    </row>
    <row r="157" spans="1:20" x14ac:dyDescent="0.4">
      <c r="A157" s="23"/>
      <c r="B157" s="24" t="s">
        <v>501</v>
      </c>
      <c r="C157" s="25" t="s">
        <v>502</v>
      </c>
      <c r="D157" s="53" t="s">
        <v>503</v>
      </c>
      <c r="E157" s="51"/>
      <c r="F157" s="27" t="s">
        <v>24</v>
      </c>
      <c r="G157" s="27" t="s">
        <v>24</v>
      </c>
      <c r="H157" s="27"/>
      <c r="I157" s="27"/>
      <c r="J157" s="27"/>
      <c r="K157" s="27" t="s">
        <v>24</v>
      </c>
      <c r="L157" s="27" t="s">
        <v>25</v>
      </c>
      <c r="M157" s="26" t="s">
        <v>25</v>
      </c>
      <c r="N157" s="26" t="s">
        <v>25</v>
      </c>
      <c r="O157" s="26" t="s">
        <v>25</v>
      </c>
      <c r="T157" s="12"/>
    </row>
    <row r="158" spans="1:20" x14ac:dyDescent="0.4">
      <c r="A158" s="23"/>
      <c r="B158" s="24" t="s">
        <v>504</v>
      </c>
      <c r="C158" s="25" t="s">
        <v>505</v>
      </c>
      <c r="D158" s="53" t="s">
        <v>506</v>
      </c>
      <c r="E158" s="51" t="s">
        <v>24</v>
      </c>
      <c r="F158" s="27" t="s">
        <v>24</v>
      </c>
      <c r="G158" s="27" t="s">
        <v>24</v>
      </c>
      <c r="H158" s="27" t="s">
        <v>24</v>
      </c>
      <c r="I158" s="27"/>
      <c r="J158" s="27"/>
      <c r="K158" s="27"/>
      <c r="L158" s="27" t="s">
        <v>25</v>
      </c>
      <c r="M158" s="26" t="s">
        <v>25</v>
      </c>
      <c r="N158" s="26" t="s">
        <v>25</v>
      </c>
      <c r="O158" s="26" t="s">
        <v>25</v>
      </c>
      <c r="T158" s="12"/>
    </row>
    <row r="159" spans="1:20" x14ac:dyDescent="0.4">
      <c r="A159" s="23" t="s">
        <v>507</v>
      </c>
      <c r="B159" s="24" t="s">
        <v>508</v>
      </c>
      <c r="C159" s="25" t="s">
        <v>509</v>
      </c>
      <c r="D159" s="53" t="s">
        <v>510</v>
      </c>
      <c r="E159" s="51"/>
      <c r="F159" s="27" t="s">
        <v>24</v>
      </c>
      <c r="G159" s="27" t="s">
        <v>24</v>
      </c>
      <c r="H159" s="27"/>
      <c r="I159" s="27"/>
      <c r="J159" s="27"/>
      <c r="K159" s="27" t="s">
        <v>33</v>
      </c>
      <c r="L159" s="27" t="s">
        <v>25</v>
      </c>
      <c r="M159" s="26" t="s">
        <v>25</v>
      </c>
      <c r="N159" s="26" t="s">
        <v>25</v>
      </c>
      <c r="O159" s="26" t="s">
        <v>25</v>
      </c>
      <c r="T159" s="12"/>
    </row>
    <row r="160" spans="1:20" x14ac:dyDescent="0.4">
      <c r="A160" s="23"/>
      <c r="B160" s="24" t="s">
        <v>511</v>
      </c>
      <c r="C160" s="25" t="s">
        <v>512</v>
      </c>
      <c r="D160" s="53" t="s">
        <v>513</v>
      </c>
      <c r="E160" s="51"/>
      <c r="F160" s="27" t="s">
        <v>24</v>
      </c>
      <c r="G160" s="27" t="s">
        <v>24</v>
      </c>
      <c r="H160" s="27"/>
      <c r="I160" s="27"/>
      <c r="J160" s="27"/>
      <c r="K160" s="27" t="s">
        <v>24</v>
      </c>
      <c r="L160" s="27" t="s">
        <v>33</v>
      </c>
      <c r="M160" s="26" t="s">
        <v>25</v>
      </c>
      <c r="N160" s="26" t="s">
        <v>25</v>
      </c>
      <c r="O160" s="26" t="s">
        <v>25</v>
      </c>
      <c r="T160" s="12"/>
    </row>
    <row r="161" spans="1:20" x14ac:dyDescent="0.4">
      <c r="A161" s="23"/>
      <c r="B161" s="24" t="s">
        <v>514</v>
      </c>
      <c r="C161" s="25" t="s">
        <v>515</v>
      </c>
      <c r="D161" s="53" t="s">
        <v>516</v>
      </c>
      <c r="E161" s="51" t="s">
        <v>24</v>
      </c>
      <c r="F161" s="27" t="s">
        <v>24</v>
      </c>
      <c r="G161" s="27" t="s">
        <v>24</v>
      </c>
      <c r="H161" s="27"/>
      <c r="I161" s="27"/>
      <c r="J161" s="27"/>
      <c r="K161" s="27" t="s">
        <v>24</v>
      </c>
      <c r="L161" s="27" t="s">
        <v>33</v>
      </c>
      <c r="M161" s="26" t="s">
        <v>25</v>
      </c>
      <c r="N161" s="26" t="s">
        <v>25</v>
      </c>
      <c r="O161" s="26" t="s">
        <v>25</v>
      </c>
      <c r="T161" s="12"/>
    </row>
    <row r="162" spans="1:20" x14ac:dyDescent="0.4">
      <c r="A162" s="23"/>
      <c r="B162" s="24" t="s">
        <v>517</v>
      </c>
      <c r="C162" s="25" t="s">
        <v>518</v>
      </c>
      <c r="D162" s="53" t="s">
        <v>519</v>
      </c>
      <c r="E162" s="51"/>
      <c r="F162" s="27" t="s">
        <v>24</v>
      </c>
      <c r="G162" s="27" t="s">
        <v>24</v>
      </c>
      <c r="H162" s="27"/>
      <c r="I162" s="27"/>
      <c r="J162" s="27"/>
      <c r="K162" s="27"/>
      <c r="L162" s="27" t="s">
        <v>25</v>
      </c>
      <c r="M162" s="26" t="s">
        <v>25</v>
      </c>
      <c r="N162" s="26" t="s">
        <v>25</v>
      </c>
      <c r="O162" s="26" t="s">
        <v>25</v>
      </c>
      <c r="T162" s="12"/>
    </row>
    <row r="163" spans="1:20" x14ac:dyDescent="0.4">
      <c r="A163" s="23"/>
      <c r="B163" s="24" t="s">
        <v>520</v>
      </c>
      <c r="C163" s="25" t="s">
        <v>521</v>
      </c>
      <c r="D163" s="53" t="s">
        <v>522</v>
      </c>
      <c r="E163" s="51"/>
      <c r="F163" s="27"/>
      <c r="G163" s="27"/>
      <c r="H163" s="27"/>
      <c r="I163" s="27"/>
      <c r="J163" s="27"/>
      <c r="K163" s="27"/>
      <c r="L163" s="27" t="s">
        <v>25</v>
      </c>
      <c r="M163" s="26" t="s">
        <v>25</v>
      </c>
      <c r="N163" s="26" t="s">
        <v>25</v>
      </c>
      <c r="O163" s="26" t="s">
        <v>25</v>
      </c>
      <c r="T163" s="12"/>
    </row>
    <row r="164" spans="1:20" x14ac:dyDescent="0.4">
      <c r="A164" s="23"/>
      <c r="B164" s="24" t="s">
        <v>523</v>
      </c>
      <c r="C164" s="25" t="s">
        <v>524</v>
      </c>
      <c r="D164" s="53" t="s">
        <v>525</v>
      </c>
      <c r="E164" s="51" t="s">
        <v>24</v>
      </c>
      <c r="F164" s="27"/>
      <c r="G164" s="27" t="s">
        <v>24</v>
      </c>
      <c r="H164" s="27"/>
      <c r="I164" s="27"/>
      <c r="J164" s="27"/>
      <c r="K164" s="27" t="s">
        <v>24</v>
      </c>
      <c r="L164" s="27" t="s">
        <v>25</v>
      </c>
      <c r="M164" s="26" t="s">
        <v>25</v>
      </c>
      <c r="N164" s="26" t="s">
        <v>25</v>
      </c>
      <c r="O164" s="26" t="s">
        <v>25</v>
      </c>
      <c r="T164" s="12"/>
    </row>
    <row r="165" spans="1:20" x14ac:dyDescent="0.4">
      <c r="A165" s="23"/>
      <c r="B165" s="24" t="s">
        <v>526</v>
      </c>
      <c r="C165" s="25" t="s">
        <v>527</v>
      </c>
      <c r="D165" s="53" t="s">
        <v>528</v>
      </c>
      <c r="E165" s="51" t="s">
        <v>24</v>
      </c>
      <c r="F165" s="27" t="s">
        <v>24</v>
      </c>
      <c r="G165" s="27" t="s">
        <v>24</v>
      </c>
      <c r="H165" s="27"/>
      <c r="I165" s="27"/>
      <c r="J165" s="27"/>
      <c r="K165" s="27"/>
      <c r="L165" s="27" t="s">
        <v>24</v>
      </c>
      <c r="M165" s="26" t="s">
        <v>25</v>
      </c>
      <c r="N165" s="26" t="s">
        <v>25</v>
      </c>
      <c r="O165" s="26" t="s">
        <v>25</v>
      </c>
      <c r="T165" s="12"/>
    </row>
    <row r="166" spans="1:20" x14ac:dyDescent="0.4">
      <c r="A166" s="23"/>
      <c r="B166" s="24" t="s">
        <v>529</v>
      </c>
      <c r="C166" s="25" t="s">
        <v>530</v>
      </c>
      <c r="D166" s="53" t="s">
        <v>531</v>
      </c>
      <c r="E166" s="51"/>
      <c r="F166" s="27" t="s">
        <v>24</v>
      </c>
      <c r="G166" s="27"/>
      <c r="H166" s="27"/>
      <c r="I166" s="27"/>
      <c r="J166" s="27"/>
      <c r="K166" s="27"/>
      <c r="L166" s="27" t="s">
        <v>25</v>
      </c>
      <c r="M166" s="26" t="s">
        <v>25</v>
      </c>
      <c r="N166" s="26" t="s">
        <v>25</v>
      </c>
      <c r="O166" s="26" t="s">
        <v>25</v>
      </c>
      <c r="T166" s="12"/>
    </row>
    <row r="167" spans="1:20" x14ac:dyDescent="0.4">
      <c r="A167" s="23"/>
      <c r="B167" s="24" t="s">
        <v>532</v>
      </c>
      <c r="C167" s="25" t="s">
        <v>533</v>
      </c>
      <c r="D167" s="53" t="s">
        <v>534</v>
      </c>
      <c r="E167" s="51"/>
      <c r="F167" s="27" t="s">
        <v>24</v>
      </c>
      <c r="G167" s="27" t="s">
        <v>24</v>
      </c>
      <c r="H167" s="27"/>
      <c r="I167" s="27"/>
      <c r="J167" s="27"/>
      <c r="K167" s="27"/>
      <c r="L167" s="27" t="s">
        <v>24</v>
      </c>
      <c r="M167" s="26" t="s">
        <v>25</v>
      </c>
      <c r="N167" s="26" t="s">
        <v>25</v>
      </c>
      <c r="O167" s="26" t="s">
        <v>25</v>
      </c>
      <c r="T167" s="12"/>
    </row>
    <row r="168" spans="1:20" x14ac:dyDescent="0.4">
      <c r="A168" s="23"/>
      <c r="B168" s="24" t="s">
        <v>535</v>
      </c>
      <c r="C168" s="25" t="s">
        <v>536</v>
      </c>
      <c r="D168" s="53" t="s">
        <v>537</v>
      </c>
      <c r="E168" s="51"/>
      <c r="F168" s="27" t="s">
        <v>24</v>
      </c>
      <c r="G168" s="27" t="s">
        <v>24</v>
      </c>
      <c r="H168" s="27"/>
      <c r="I168" s="27"/>
      <c r="J168" s="27"/>
      <c r="K168" s="27" t="s">
        <v>24</v>
      </c>
      <c r="L168" s="27" t="s">
        <v>33</v>
      </c>
      <c r="M168" s="26" t="s">
        <v>25</v>
      </c>
      <c r="N168" s="26" t="s">
        <v>25</v>
      </c>
      <c r="O168" s="26" t="s">
        <v>25</v>
      </c>
      <c r="T168" s="12"/>
    </row>
    <row r="169" spans="1:20" x14ac:dyDescent="0.4">
      <c r="A169" s="23" t="s">
        <v>538</v>
      </c>
      <c r="B169" s="24" t="s">
        <v>539</v>
      </c>
      <c r="C169" s="25" t="s">
        <v>540</v>
      </c>
      <c r="D169" s="53" t="s">
        <v>541</v>
      </c>
      <c r="E169" s="51" t="s">
        <v>24</v>
      </c>
      <c r="F169" s="27" t="s">
        <v>24</v>
      </c>
      <c r="G169" s="27" t="s">
        <v>24</v>
      </c>
      <c r="H169" s="27"/>
      <c r="I169" s="27"/>
      <c r="J169" s="27"/>
      <c r="K169" s="27"/>
      <c r="L169" s="27" t="s">
        <v>25</v>
      </c>
      <c r="M169" s="26" t="s">
        <v>25</v>
      </c>
      <c r="N169" s="26" t="s">
        <v>25</v>
      </c>
      <c r="O169" s="26" t="s">
        <v>25</v>
      </c>
      <c r="T169" s="12"/>
    </row>
    <row r="170" spans="1:20" x14ac:dyDescent="0.4">
      <c r="A170" s="23"/>
      <c r="B170" s="24" t="s">
        <v>542</v>
      </c>
      <c r="C170" s="25" t="s">
        <v>543</v>
      </c>
      <c r="D170" s="53" t="s">
        <v>544</v>
      </c>
      <c r="E170" s="51"/>
      <c r="F170" s="27"/>
      <c r="G170" s="27" t="s">
        <v>24</v>
      </c>
      <c r="H170" s="27"/>
      <c r="I170" s="27"/>
      <c r="J170" s="27"/>
      <c r="K170" s="27"/>
      <c r="L170" s="27" t="s">
        <v>25</v>
      </c>
      <c r="M170" s="26" t="s">
        <v>25</v>
      </c>
      <c r="N170" s="26" t="s">
        <v>25</v>
      </c>
      <c r="O170" s="26" t="s">
        <v>25</v>
      </c>
      <c r="T170" s="12"/>
    </row>
    <row r="171" spans="1:20" x14ac:dyDescent="0.4">
      <c r="A171" s="23"/>
      <c r="B171" s="24" t="s">
        <v>545</v>
      </c>
      <c r="C171" s="25" t="s">
        <v>546</v>
      </c>
      <c r="D171" s="53" t="s">
        <v>547</v>
      </c>
      <c r="E171" s="51"/>
      <c r="F171" s="27" t="s">
        <v>24</v>
      </c>
      <c r="G171" s="27"/>
      <c r="H171" s="27"/>
      <c r="I171" s="27"/>
      <c r="J171" s="27"/>
      <c r="K171" s="27"/>
      <c r="L171" s="27" t="s">
        <v>25</v>
      </c>
      <c r="M171" s="26" t="s">
        <v>25</v>
      </c>
      <c r="N171" s="26" t="s">
        <v>25</v>
      </c>
      <c r="O171" s="26" t="s">
        <v>25</v>
      </c>
      <c r="T171" s="12"/>
    </row>
    <row r="172" spans="1:20" x14ac:dyDescent="0.4">
      <c r="A172" s="23"/>
      <c r="B172" s="24" t="s">
        <v>548</v>
      </c>
      <c r="C172" s="25" t="s">
        <v>549</v>
      </c>
      <c r="D172" s="53" t="s">
        <v>550</v>
      </c>
      <c r="E172" s="51"/>
      <c r="F172" s="27"/>
      <c r="G172" s="27" t="s">
        <v>33</v>
      </c>
      <c r="H172" s="27"/>
      <c r="I172" s="27"/>
      <c r="J172" s="27"/>
      <c r="K172" s="27" t="s">
        <v>33</v>
      </c>
      <c r="L172" s="27" t="s">
        <v>25</v>
      </c>
      <c r="M172" s="26" t="s">
        <v>25</v>
      </c>
      <c r="N172" s="26" t="s">
        <v>25</v>
      </c>
      <c r="O172" s="26" t="s">
        <v>25</v>
      </c>
      <c r="T172" s="12"/>
    </row>
    <row r="173" spans="1:20" x14ac:dyDescent="0.4">
      <c r="A173" s="23" t="s">
        <v>551</v>
      </c>
      <c r="B173" s="24" t="s">
        <v>552</v>
      </c>
      <c r="C173" s="25" t="s">
        <v>553</v>
      </c>
      <c r="D173" s="53" t="s">
        <v>554</v>
      </c>
      <c r="E173" s="51" t="s">
        <v>24</v>
      </c>
      <c r="F173" s="27" t="s">
        <v>24</v>
      </c>
      <c r="G173" s="27"/>
      <c r="H173" s="27"/>
      <c r="I173" s="27" t="s">
        <v>33</v>
      </c>
      <c r="J173" s="27"/>
      <c r="K173" s="27" t="s">
        <v>24</v>
      </c>
      <c r="L173" s="27" t="s">
        <v>25</v>
      </c>
      <c r="M173" s="26" t="s">
        <v>25</v>
      </c>
      <c r="N173" s="26" t="s">
        <v>25</v>
      </c>
      <c r="O173" s="26" t="s">
        <v>25</v>
      </c>
      <c r="T173" s="12"/>
    </row>
    <row r="174" spans="1:20" x14ac:dyDescent="0.4">
      <c r="A174" s="23"/>
      <c r="B174" s="24" t="s">
        <v>555</v>
      </c>
      <c r="C174" s="25" t="s">
        <v>556</v>
      </c>
      <c r="D174" s="53" t="s">
        <v>557</v>
      </c>
      <c r="E174" s="51"/>
      <c r="F174" s="27" t="s">
        <v>24</v>
      </c>
      <c r="G174" s="27" t="s">
        <v>24</v>
      </c>
      <c r="H174" s="27"/>
      <c r="I174" s="27"/>
      <c r="J174" s="27"/>
      <c r="K174" s="27"/>
      <c r="L174" s="27" t="s">
        <v>25</v>
      </c>
      <c r="M174" s="26" t="s">
        <v>25</v>
      </c>
      <c r="N174" s="26" t="s">
        <v>25</v>
      </c>
      <c r="O174" s="26" t="s">
        <v>25</v>
      </c>
      <c r="T174" s="12"/>
    </row>
    <row r="175" spans="1:20" x14ac:dyDescent="0.4">
      <c r="A175" s="23"/>
      <c r="B175" s="24" t="s">
        <v>558</v>
      </c>
      <c r="C175" s="25" t="s">
        <v>559</v>
      </c>
      <c r="D175" s="53" t="s">
        <v>560</v>
      </c>
      <c r="E175" s="51"/>
      <c r="F175" s="27" t="s">
        <v>24</v>
      </c>
      <c r="G175" s="27" t="s">
        <v>24</v>
      </c>
      <c r="H175" s="27"/>
      <c r="I175" s="27"/>
      <c r="J175" s="27"/>
      <c r="K175" s="27"/>
      <c r="L175" s="27" t="s">
        <v>25</v>
      </c>
      <c r="M175" s="26" t="s">
        <v>25</v>
      </c>
      <c r="N175" s="26" t="s">
        <v>25</v>
      </c>
      <c r="O175" s="26" t="s">
        <v>25</v>
      </c>
      <c r="T175" s="12"/>
    </row>
    <row r="176" spans="1:20" x14ac:dyDescent="0.4">
      <c r="A176" s="23"/>
      <c r="B176" s="24" t="s">
        <v>561</v>
      </c>
      <c r="C176" s="25" t="s">
        <v>562</v>
      </c>
      <c r="D176" s="53" t="s">
        <v>563</v>
      </c>
      <c r="E176" s="51" t="s">
        <v>24</v>
      </c>
      <c r="F176" s="27" t="s">
        <v>24</v>
      </c>
      <c r="G176" s="27" t="s">
        <v>24</v>
      </c>
      <c r="H176" s="27"/>
      <c r="I176" s="27"/>
      <c r="J176" s="27"/>
      <c r="K176" s="27"/>
      <c r="L176" s="27" t="s">
        <v>25</v>
      </c>
      <c r="M176" s="26" t="s">
        <v>25</v>
      </c>
      <c r="N176" s="26" t="s">
        <v>33</v>
      </c>
      <c r="O176" s="26" t="s">
        <v>25</v>
      </c>
      <c r="T176" s="12"/>
    </row>
    <row r="177" spans="1:20" x14ac:dyDescent="0.4">
      <c r="A177" s="23"/>
      <c r="B177" s="24" t="s">
        <v>564</v>
      </c>
      <c r="C177" s="25" t="s">
        <v>565</v>
      </c>
      <c r="D177" s="53" t="s">
        <v>566</v>
      </c>
      <c r="E177" s="51" t="s">
        <v>24</v>
      </c>
      <c r="F177" s="27" t="s">
        <v>24</v>
      </c>
      <c r="G177" s="27"/>
      <c r="H177" s="27"/>
      <c r="I177" s="27"/>
      <c r="J177" s="27"/>
      <c r="K177" s="27"/>
      <c r="L177" s="27" t="s">
        <v>40</v>
      </c>
      <c r="M177" s="26" t="s">
        <v>40</v>
      </c>
      <c r="N177" s="26" t="s">
        <v>40</v>
      </c>
      <c r="O177" s="26" t="s">
        <v>25</v>
      </c>
      <c r="T177" s="12"/>
    </row>
    <row r="178" spans="1:20" x14ac:dyDescent="0.4">
      <c r="A178" s="23"/>
      <c r="B178" s="24" t="s">
        <v>567</v>
      </c>
      <c r="C178" s="25" t="s">
        <v>568</v>
      </c>
      <c r="D178" s="53" t="s">
        <v>569</v>
      </c>
      <c r="E178" s="51" t="s">
        <v>24</v>
      </c>
      <c r="F178" s="27"/>
      <c r="G178" s="27" t="s">
        <v>24</v>
      </c>
      <c r="H178" s="27"/>
      <c r="I178" s="27"/>
      <c r="J178" s="27"/>
      <c r="K178" s="27"/>
      <c r="L178" s="27" t="s">
        <v>25</v>
      </c>
      <c r="M178" s="26" t="s">
        <v>25</v>
      </c>
      <c r="N178" s="26" t="s">
        <v>25</v>
      </c>
      <c r="O178" s="26" t="s">
        <v>25</v>
      </c>
      <c r="T178" s="12"/>
    </row>
    <row r="179" spans="1:20" x14ac:dyDescent="0.4">
      <c r="A179" s="23"/>
      <c r="B179" s="24" t="s">
        <v>570</v>
      </c>
      <c r="C179" s="25" t="s">
        <v>571</v>
      </c>
      <c r="D179" s="53" t="s">
        <v>572</v>
      </c>
      <c r="E179" s="51"/>
      <c r="F179" s="27" t="s">
        <v>24</v>
      </c>
      <c r="G179" s="27"/>
      <c r="H179" s="27"/>
      <c r="I179" s="27"/>
      <c r="J179" s="27"/>
      <c r="K179" s="27"/>
      <c r="L179" s="27" t="s">
        <v>25</v>
      </c>
      <c r="M179" s="26" t="s">
        <v>25</v>
      </c>
      <c r="N179" s="26" t="s">
        <v>25</v>
      </c>
      <c r="O179" s="26" t="s">
        <v>25</v>
      </c>
      <c r="T179" s="12"/>
    </row>
    <row r="180" spans="1:20" x14ac:dyDescent="0.4">
      <c r="A180" s="23"/>
      <c r="B180" s="24" t="s">
        <v>573</v>
      </c>
      <c r="C180" s="25" t="s">
        <v>574</v>
      </c>
      <c r="D180" s="53" t="s">
        <v>575</v>
      </c>
      <c r="E180" s="51"/>
      <c r="F180" s="27" t="s">
        <v>24</v>
      </c>
      <c r="G180" s="27"/>
      <c r="H180" s="27"/>
      <c r="I180" s="27"/>
      <c r="J180" s="27"/>
      <c r="K180" s="27"/>
      <c r="L180" s="27" t="s">
        <v>25</v>
      </c>
      <c r="M180" s="26" t="s">
        <v>25</v>
      </c>
      <c r="N180" s="26" t="s">
        <v>25</v>
      </c>
      <c r="O180" s="26" t="s">
        <v>25</v>
      </c>
      <c r="T180" s="12"/>
    </row>
    <row r="181" spans="1:20" x14ac:dyDescent="0.4">
      <c r="A181" s="13"/>
      <c r="B181" s="14"/>
      <c r="C181" s="15"/>
      <c r="D181" s="16"/>
      <c r="E181" s="17"/>
      <c r="F181" s="17"/>
      <c r="G181" s="17"/>
      <c r="H181" s="17"/>
      <c r="I181" s="17"/>
      <c r="J181" s="17"/>
      <c r="K181" s="17"/>
      <c r="L181" s="17"/>
      <c r="M181" s="16"/>
      <c r="N181" s="16"/>
      <c r="O181" s="16"/>
    </row>
    <row r="182" spans="1:20" x14ac:dyDescent="0.4">
      <c r="A182" s="13"/>
      <c r="B182" s="14"/>
      <c r="C182" s="15"/>
      <c r="D182" s="16"/>
      <c r="E182" s="17"/>
      <c r="F182" s="17"/>
      <c r="G182" s="17"/>
      <c r="H182" s="17"/>
      <c r="I182" s="17"/>
      <c r="J182" s="17"/>
      <c r="K182" s="17"/>
      <c r="L182" s="17"/>
      <c r="M182" s="16"/>
      <c r="N182" s="16"/>
      <c r="O182" s="16"/>
    </row>
    <row r="183" spans="1:20" x14ac:dyDescent="0.4">
      <c r="A183" s="13"/>
      <c r="B183" s="14"/>
      <c r="C183" s="15"/>
      <c r="D183" s="16"/>
      <c r="E183" s="17"/>
      <c r="F183" s="17"/>
      <c r="G183" s="17"/>
      <c r="H183" s="17"/>
      <c r="I183" s="17"/>
      <c r="J183" s="17"/>
      <c r="K183" s="17"/>
      <c r="L183" s="17"/>
      <c r="M183" s="16"/>
      <c r="N183" s="16"/>
      <c r="O183" s="16"/>
    </row>
    <row r="184" spans="1:20" x14ac:dyDescent="0.4">
      <c r="A184" s="13"/>
      <c r="B184" s="14"/>
      <c r="C184" s="15"/>
      <c r="D184" s="16"/>
      <c r="E184" s="17"/>
      <c r="F184" s="17"/>
      <c r="G184" s="17"/>
      <c r="H184" s="17"/>
      <c r="I184" s="17"/>
      <c r="J184" s="17"/>
      <c r="K184" s="17"/>
      <c r="L184" s="17"/>
      <c r="M184" s="16"/>
      <c r="N184" s="16"/>
      <c r="O184" s="16"/>
    </row>
    <row r="185" spans="1:20" x14ac:dyDescent="0.4">
      <c r="A185" s="13"/>
      <c r="B185" s="14"/>
      <c r="C185" s="15"/>
      <c r="D185" s="16"/>
      <c r="E185" s="17"/>
      <c r="F185" s="17"/>
      <c r="G185" s="17"/>
      <c r="H185" s="17"/>
      <c r="I185" s="17"/>
      <c r="J185" s="17"/>
      <c r="K185" s="17"/>
      <c r="L185" s="17"/>
      <c r="M185" s="16"/>
      <c r="N185" s="16"/>
      <c r="O185" s="16"/>
    </row>
    <row r="186" spans="1:20" x14ac:dyDescent="0.4">
      <c r="A186" s="13"/>
      <c r="B186" s="14"/>
      <c r="C186" s="15"/>
      <c r="D186" s="16"/>
      <c r="E186" s="17"/>
      <c r="F186" s="17"/>
      <c r="G186" s="17"/>
      <c r="H186" s="17"/>
      <c r="I186" s="17"/>
      <c r="J186" s="17"/>
      <c r="K186" s="17"/>
      <c r="L186" s="17"/>
      <c r="M186" s="16"/>
      <c r="N186" s="16"/>
      <c r="O186" s="16"/>
    </row>
    <row r="187" spans="1:20" x14ac:dyDescent="0.4">
      <c r="A187" s="13"/>
      <c r="B187" s="14"/>
      <c r="C187" s="15"/>
      <c r="D187" s="16"/>
      <c r="E187" s="17"/>
      <c r="F187" s="17"/>
      <c r="G187" s="17"/>
      <c r="H187" s="17"/>
      <c r="I187" s="17"/>
      <c r="J187" s="17"/>
      <c r="K187" s="17"/>
      <c r="L187" s="17"/>
      <c r="M187" s="16"/>
      <c r="N187" s="16"/>
      <c r="O187" s="16"/>
    </row>
    <row r="188" spans="1:20" x14ac:dyDescent="0.4">
      <c r="A188" s="13"/>
      <c r="B188" s="14"/>
      <c r="C188" s="15"/>
      <c r="D188" s="16"/>
      <c r="E188" s="17"/>
      <c r="F188" s="17"/>
      <c r="G188" s="17"/>
      <c r="H188" s="17"/>
      <c r="I188" s="17"/>
      <c r="J188" s="17"/>
      <c r="K188" s="17"/>
      <c r="L188" s="17"/>
      <c r="M188" s="16"/>
      <c r="N188" s="16"/>
      <c r="O188" s="16"/>
    </row>
    <row r="189" spans="1:20" x14ac:dyDescent="0.4">
      <c r="A189" s="13"/>
      <c r="B189" s="14"/>
      <c r="C189" s="15"/>
      <c r="D189" s="16"/>
      <c r="E189" s="17"/>
      <c r="F189" s="17"/>
      <c r="G189" s="17"/>
      <c r="H189" s="17"/>
      <c r="I189" s="17"/>
      <c r="J189" s="17"/>
      <c r="K189" s="17"/>
      <c r="L189" s="17"/>
      <c r="M189" s="16"/>
      <c r="N189" s="16"/>
      <c r="O189" s="16"/>
    </row>
    <row r="190" spans="1:20" x14ac:dyDescent="0.4">
      <c r="A190" s="13"/>
      <c r="B190" s="14"/>
      <c r="C190" s="15"/>
      <c r="D190" s="16"/>
      <c r="E190" s="17"/>
      <c r="F190" s="17"/>
      <c r="G190" s="17"/>
      <c r="H190" s="17"/>
      <c r="I190" s="17"/>
      <c r="J190" s="17"/>
      <c r="K190" s="17"/>
      <c r="L190" s="17"/>
      <c r="M190" s="16"/>
      <c r="N190" s="16"/>
      <c r="O190" s="16"/>
    </row>
    <row r="191" spans="1:20" x14ac:dyDescent="0.4">
      <c r="A191" s="13"/>
      <c r="B191" s="14"/>
      <c r="C191" s="15"/>
      <c r="D191" s="16"/>
      <c r="E191" s="17"/>
      <c r="F191" s="17"/>
      <c r="G191" s="17"/>
      <c r="H191" s="17"/>
      <c r="I191" s="17"/>
      <c r="J191" s="17"/>
      <c r="K191" s="17"/>
      <c r="L191" s="17"/>
      <c r="M191" s="16"/>
      <c r="N191" s="16"/>
      <c r="O191" s="16"/>
    </row>
    <row r="192" spans="1:20" x14ac:dyDescent="0.4">
      <c r="A192" s="13"/>
      <c r="B192" s="14"/>
      <c r="C192" s="15"/>
      <c r="D192" s="16"/>
      <c r="E192" s="17"/>
      <c r="F192" s="17"/>
      <c r="G192" s="17"/>
      <c r="H192" s="17"/>
      <c r="I192" s="17"/>
      <c r="J192" s="17"/>
      <c r="K192" s="17"/>
      <c r="L192" s="17"/>
      <c r="M192" s="16"/>
      <c r="N192" s="16"/>
      <c r="O192" s="16"/>
    </row>
    <row r="193" spans="1:15" x14ac:dyDescent="0.4">
      <c r="A193" s="13"/>
      <c r="B193" s="14"/>
      <c r="C193" s="15"/>
      <c r="D193" s="16"/>
      <c r="E193" s="17"/>
      <c r="F193" s="17"/>
      <c r="G193" s="17"/>
      <c r="H193" s="17"/>
      <c r="I193" s="17"/>
      <c r="J193" s="17"/>
      <c r="K193" s="17"/>
      <c r="L193" s="17"/>
      <c r="M193" s="16"/>
      <c r="N193" s="16"/>
      <c r="O193" s="16"/>
    </row>
    <row r="194" spans="1:15" x14ac:dyDescent="0.4">
      <c r="A194" s="13"/>
      <c r="B194" s="14"/>
      <c r="C194" s="15"/>
      <c r="D194" s="16"/>
      <c r="E194" s="17"/>
      <c r="F194" s="17"/>
      <c r="G194" s="17"/>
      <c r="H194" s="17"/>
      <c r="I194" s="17"/>
      <c r="J194" s="17"/>
      <c r="K194" s="17"/>
      <c r="L194" s="17"/>
      <c r="M194" s="16"/>
      <c r="N194" s="16"/>
      <c r="O194" s="16"/>
    </row>
    <row r="195" spans="1:15" x14ac:dyDescent="0.4">
      <c r="A195" s="13"/>
      <c r="B195" s="14"/>
      <c r="C195" s="15"/>
      <c r="D195" s="16"/>
      <c r="E195" s="17"/>
      <c r="F195" s="17"/>
      <c r="G195" s="17"/>
      <c r="H195" s="17"/>
      <c r="I195" s="17"/>
      <c r="J195" s="17"/>
      <c r="K195" s="17"/>
      <c r="L195" s="17"/>
      <c r="M195" s="16"/>
      <c r="N195" s="16"/>
      <c r="O195" s="16"/>
    </row>
    <row r="196" spans="1:15" x14ac:dyDescent="0.4">
      <c r="A196" s="13"/>
      <c r="B196" s="14"/>
      <c r="C196" s="15"/>
      <c r="D196" s="16"/>
      <c r="E196" s="17"/>
      <c r="F196" s="17"/>
      <c r="G196" s="17"/>
      <c r="H196" s="17"/>
      <c r="I196" s="17"/>
      <c r="J196" s="17"/>
      <c r="K196" s="17"/>
      <c r="L196" s="17"/>
      <c r="M196" s="16"/>
      <c r="N196" s="16"/>
      <c r="O196" s="16"/>
    </row>
    <row r="197" spans="1:15" x14ac:dyDescent="0.4">
      <c r="A197" s="13"/>
      <c r="B197" s="14"/>
      <c r="C197" s="15"/>
      <c r="D197" s="16"/>
      <c r="E197" s="17"/>
      <c r="F197" s="17"/>
      <c r="G197" s="17"/>
      <c r="H197" s="17"/>
      <c r="I197" s="17"/>
      <c r="J197" s="17"/>
      <c r="K197" s="17"/>
      <c r="L197" s="17"/>
      <c r="M197" s="16"/>
      <c r="N197" s="16"/>
      <c r="O197" s="16"/>
    </row>
    <row r="198" spans="1:15" x14ac:dyDescent="0.4">
      <c r="A198" s="13"/>
      <c r="B198" s="14"/>
      <c r="C198" s="15"/>
      <c r="D198" s="16"/>
      <c r="E198" s="17"/>
      <c r="F198" s="17"/>
      <c r="G198" s="17"/>
      <c r="H198" s="17"/>
      <c r="I198" s="17"/>
      <c r="J198" s="17"/>
      <c r="K198" s="17"/>
      <c r="L198" s="17"/>
      <c r="M198" s="16"/>
      <c r="N198" s="16"/>
      <c r="O198" s="16"/>
    </row>
    <row r="199" spans="1:15" x14ac:dyDescent="0.4">
      <c r="A199" s="13"/>
      <c r="B199" s="14"/>
      <c r="C199" s="15"/>
      <c r="D199" s="16"/>
      <c r="E199" s="17"/>
      <c r="F199" s="17"/>
      <c r="G199" s="17"/>
      <c r="H199" s="17"/>
      <c r="I199" s="17"/>
      <c r="J199" s="17"/>
      <c r="K199" s="17"/>
      <c r="L199" s="17"/>
      <c r="M199" s="16"/>
      <c r="N199" s="16"/>
      <c r="O199" s="16"/>
    </row>
    <row r="200" spans="1:15" x14ac:dyDescent="0.4">
      <c r="A200" s="13"/>
      <c r="B200" s="14"/>
      <c r="C200" s="15"/>
      <c r="D200" s="16"/>
      <c r="E200" s="17"/>
      <c r="F200" s="17"/>
      <c r="G200" s="17"/>
      <c r="H200" s="17"/>
      <c r="I200" s="17"/>
      <c r="J200" s="17"/>
      <c r="K200" s="17"/>
      <c r="L200" s="17"/>
      <c r="M200" s="16"/>
      <c r="N200" s="16"/>
      <c r="O200" s="16"/>
    </row>
    <row r="201" spans="1:15" x14ac:dyDescent="0.4">
      <c r="A201" s="13"/>
      <c r="B201" s="14"/>
      <c r="C201" s="15"/>
      <c r="D201" s="16"/>
      <c r="E201" s="17"/>
      <c r="F201" s="17"/>
      <c r="G201" s="17"/>
      <c r="H201" s="17"/>
      <c r="I201" s="17"/>
      <c r="J201" s="17"/>
      <c r="K201" s="17"/>
      <c r="L201" s="17"/>
      <c r="M201" s="16"/>
      <c r="N201" s="16"/>
      <c r="O201" s="16"/>
    </row>
    <row r="202" spans="1:15" x14ac:dyDescent="0.4">
      <c r="A202" s="13"/>
      <c r="B202" s="14"/>
      <c r="C202" s="15"/>
      <c r="D202" s="16"/>
      <c r="E202" s="17"/>
      <c r="F202" s="17"/>
      <c r="G202" s="17"/>
      <c r="H202" s="17"/>
      <c r="I202" s="17"/>
      <c r="J202" s="17"/>
      <c r="K202" s="17"/>
      <c r="L202" s="17"/>
      <c r="M202" s="16"/>
      <c r="N202" s="16"/>
      <c r="O202" s="16"/>
    </row>
    <row r="203" spans="1:15" x14ac:dyDescent="0.4">
      <c r="A203" s="13"/>
      <c r="B203" s="14"/>
      <c r="C203" s="15"/>
      <c r="D203" s="16"/>
      <c r="E203" s="17"/>
      <c r="F203" s="17"/>
      <c r="G203" s="17"/>
      <c r="H203" s="17"/>
      <c r="I203" s="17"/>
      <c r="J203" s="17"/>
      <c r="K203" s="17"/>
      <c r="L203" s="17"/>
      <c r="M203" s="16"/>
      <c r="N203" s="16"/>
      <c r="O203" s="16"/>
    </row>
    <row r="204" spans="1:15" x14ac:dyDescent="0.4">
      <c r="A204" s="13"/>
      <c r="B204" s="14"/>
      <c r="C204" s="15"/>
      <c r="D204" s="16"/>
      <c r="E204" s="17"/>
      <c r="F204" s="17"/>
      <c r="G204" s="17"/>
      <c r="H204" s="17"/>
      <c r="I204" s="17"/>
      <c r="J204" s="17"/>
      <c r="K204" s="17"/>
      <c r="L204" s="17"/>
      <c r="M204" s="16"/>
      <c r="N204" s="16"/>
      <c r="O204" s="16"/>
    </row>
    <row r="205" spans="1:15" x14ac:dyDescent="0.4">
      <c r="A205" s="13"/>
      <c r="B205" s="14"/>
      <c r="C205" s="15"/>
      <c r="D205" s="16"/>
      <c r="E205" s="17"/>
      <c r="F205" s="17"/>
      <c r="G205" s="17"/>
      <c r="H205" s="17"/>
      <c r="I205" s="17"/>
      <c r="J205" s="17"/>
      <c r="K205" s="17"/>
      <c r="L205" s="17"/>
      <c r="M205" s="16"/>
      <c r="N205" s="16"/>
      <c r="O205" s="16"/>
    </row>
    <row r="206" spans="1:15" x14ac:dyDescent="0.4">
      <c r="A206" s="13"/>
      <c r="B206" s="14"/>
      <c r="C206" s="15"/>
      <c r="D206" s="16"/>
      <c r="E206" s="17"/>
      <c r="F206" s="17"/>
      <c r="G206" s="17"/>
      <c r="H206" s="17"/>
      <c r="I206" s="17"/>
      <c r="J206" s="17"/>
      <c r="K206" s="17"/>
      <c r="L206" s="17"/>
      <c r="M206" s="16"/>
      <c r="N206" s="16"/>
      <c r="O206" s="16"/>
    </row>
    <row r="207" spans="1:15" x14ac:dyDescent="0.4">
      <c r="A207" s="13"/>
      <c r="B207" s="14"/>
      <c r="C207" s="15"/>
      <c r="D207" s="16"/>
      <c r="E207" s="17"/>
      <c r="F207" s="17"/>
      <c r="G207" s="17"/>
      <c r="H207" s="17"/>
      <c r="I207" s="17"/>
      <c r="J207" s="17"/>
      <c r="K207" s="17"/>
      <c r="L207" s="17"/>
      <c r="M207" s="16"/>
      <c r="N207" s="16"/>
      <c r="O207" s="16"/>
    </row>
    <row r="208" spans="1:15" x14ac:dyDescent="0.4">
      <c r="A208" s="13"/>
      <c r="B208" s="14"/>
      <c r="C208" s="15"/>
      <c r="D208" s="16"/>
      <c r="E208" s="17"/>
      <c r="F208" s="17"/>
      <c r="G208" s="17"/>
      <c r="H208" s="17"/>
      <c r="I208" s="17"/>
      <c r="J208" s="17"/>
      <c r="K208" s="17"/>
      <c r="L208" s="17"/>
      <c r="M208" s="16"/>
      <c r="N208" s="16"/>
      <c r="O208" s="16"/>
    </row>
    <row r="209" spans="1:15" x14ac:dyDescent="0.4">
      <c r="A209" s="13"/>
      <c r="B209" s="14"/>
      <c r="C209" s="15"/>
      <c r="D209" s="16"/>
      <c r="E209" s="17"/>
      <c r="F209" s="17"/>
      <c r="G209" s="17"/>
      <c r="H209" s="17"/>
      <c r="I209" s="17"/>
      <c r="J209" s="17"/>
      <c r="K209" s="17"/>
      <c r="L209" s="17"/>
      <c r="M209" s="16"/>
      <c r="N209" s="16"/>
      <c r="O209" s="16"/>
    </row>
    <row r="210" spans="1:15" x14ac:dyDescent="0.4">
      <c r="A210" s="13"/>
      <c r="B210" s="14"/>
      <c r="C210" s="15"/>
      <c r="D210" s="16"/>
      <c r="E210" s="17"/>
      <c r="F210" s="17"/>
      <c r="G210" s="17"/>
      <c r="H210" s="17"/>
      <c r="I210" s="17"/>
      <c r="J210" s="17"/>
      <c r="K210" s="17"/>
      <c r="L210" s="17"/>
      <c r="M210" s="16"/>
      <c r="N210" s="16"/>
      <c r="O210" s="16"/>
    </row>
    <row r="211" spans="1:15" x14ac:dyDescent="0.4">
      <c r="A211" s="13"/>
      <c r="B211" s="14"/>
      <c r="C211" s="15"/>
      <c r="D211" s="16"/>
      <c r="E211" s="17"/>
      <c r="F211" s="17"/>
      <c r="G211" s="17"/>
      <c r="H211" s="17"/>
      <c r="I211" s="17"/>
      <c r="J211" s="17"/>
      <c r="K211" s="17"/>
      <c r="L211" s="17"/>
      <c r="M211" s="16"/>
      <c r="N211" s="16"/>
      <c r="O211" s="16"/>
    </row>
    <row r="212" spans="1:15" x14ac:dyDescent="0.4">
      <c r="A212" s="13"/>
      <c r="B212" s="14"/>
      <c r="C212" s="15"/>
      <c r="D212" s="16"/>
      <c r="E212" s="17"/>
      <c r="F212" s="17"/>
      <c r="G212" s="17"/>
      <c r="H212" s="17"/>
      <c r="I212" s="17"/>
      <c r="J212" s="17"/>
      <c r="K212" s="17"/>
      <c r="L212" s="17"/>
      <c r="M212" s="16"/>
      <c r="N212" s="16"/>
      <c r="O212" s="16"/>
    </row>
    <row r="213" spans="1:15" x14ac:dyDescent="0.4">
      <c r="A213" s="13"/>
      <c r="B213" s="14"/>
      <c r="C213" s="15"/>
      <c r="D213" s="16"/>
      <c r="E213" s="17"/>
      <c r="F213" s="17"/>
      <c r="G213" s="17"/>
      <c r="H213" s="17"/>
      <c r="I213" s="17"/>
      <c r="J213" s="17"/>
      <c r="K213" s="17"/>
      <c r="L213" s="17"/>
      <c r="M213" s="16"/>
      <c r="N213" s="16"/>
      <c r="O213" s="16"/>
    </row>
    <row r="214" spans="1:15" x14ac:dyDescent="0.4">
      <c r="A214" s="13"/>
      <c r="B214" s="14"/>
      <c r="C214" s="15"/>
      <c r="D214" s="16"/>
      <c r="E214" s="17"/>
      <c r="F214" s="17"/>
      <c r="G214" s="17"/>
      <c r="H214" s="17"/>
      <c r="I214" s="17"/>
      <c r="J214" s="17"/>
      <c r="K214" s="17"/>
      <c r="L214" s="17"/>
      <c r="M214" s="16"/>
      <c r="N214" s="16"/>
      <c r="O214" s="16"/>
    </row>
    <row r="215" spans="1:15" x14ac:dyDescent="0.4">
      <c r="A215" s="13"/>
      <c r="B215" s="14"/>
      <c r="C215" s="15"/>
      <c r="D215" s="16"/>
      <c r="E215" s="17"/>
      <c r="F215" s="17"/>
      <c r="G215" s="17"/>
      <c r="H215" s="17"/>
      <c r="I215" s="17"/>
      <c r="J215" s="17"/>
      <c r="K215" s="17"/>
      <c r="L215" s="17"/>
      <c r="M215" s="16"/>
      <c r="N215" s="16"/>
      <c r="O215" s="16"/>
    </row>
    <row r="216" spans="1:15" x14ac:dyDescent="0.4">
      <c r="A216" s="13"/>
      <c r="B216" s="14"/>
      <c r="C216" s="15"/>
      <c r="D216" s="16"/>
      <c r="E216" s="17"/>
      <c r="F216" s="17"/>
      <c r="G216" s="17"/>
      <c r="H216" s="17"/>
      <c r="I216" s="17"/>
      <c r="J216" s="17"/>
      <c r="K216" s="17"/>
      <c r="L216" s="17"/>
      <c r="M216" s="16"/>
      <c r="N216" s="16"/>
      <c r="O216" s="16"/>
    </row>
    <row r="217" spans="1:15" x14ac:dyDescent="0.4">
      <c r="A217" s="13"/>
      <c r="B217" s="14"/>
      <c r="C217" s="15"/>
      <c r="D217" s="16"/>
      <c r="E217" s="17"/>
      <c r="F217" s="17"/>
      <c r="G217" s="17"/>
      <c r="H217" s="17"/>
      <c r="I217" s="17"/>
      <c r="J217" s="17"/>
      <c r="K217" s="17"/>
      <c r="L217" s="17"/>
      <c r="M217" s="16"/>
      <c r="N217" s="16"/>
      <c r="O217" s="16"/>
    </row>
    <row r="218" spans="1:15" x14ac:dyDescent="0.4">
      <c r="A218" s="13"/>
      <c r="B218" s="14"/>
      <c r="C218" s="15"/>
      <c r="D218" s="16"/>
      <c r="E218" s="17"/>
      <c r="F218" s="17"/>
      <c r="G218" s="17"/>
      <c r="H218" s="17"/>
      <c r="I218" s="17"/>
      <c r="J218" s="17"/>
      <c r="K218" s="17"/>
      <c r="L218" s="17"/>
      <c r="M218" s="16"/>
      <c r="N218" s="16"/>
      <c r="O218" s="16"/>
    </row>
    <row r="219" spans="1:15" x14ac:dyDescent="0.4">
      <c r="A219" s="13"/>
      <c r="B219" s="14"/>
      <c r="C219" s="15"/>
      <c r="D219" s="16"/>
      <c r="E219" s="17"/>
      <c r="F219" s="17"/>
      <c r="G219" s="17"/>
      <c r="H219" s="17"/>
      <c r="I219" s="17"/>
      <c r="J219" s="17"/>
      <c r="K219" s="17"/>
      <c r="L219" s="17"/>
      <c r="M219" s="16"/>
      <c r="N219" s="16"/>
      <c r="O219" s="16"/>
    </row>
    <row r="220" spans="1:15" x14ac:dyDescent="0.4">
      <c r="A220" s="13"/>
      <c r="B220" s="14"/>
      <c r="C220" s="15"/>
      <c r="D220" s="16"/>
      <c r="E220" s="17"/>
      <c r="F220" s="17"/>
      <c r="G220" s="17"/>
      <c r="H220" s="17"/>
      <c r="I220" s="17"/>
      <c r="J220" s="17"/>
      <c r="K220" s="17"/>
      <c r="L220" s="17"/>
      <c r="M220" s="16"/>
      <c r="N220" s="16"/>
      <c r="O220" s="16"/>
    </row>
    <row r="221" spans="1:15" x14ac:dyDescent="0.4">
      <c r="A221" s="13"/>
      <c r="B221" s="14"/>
      <c r="C221" s="15"/>
      <c r="D221" s="16"/>
      <c r="E221" s="17"/>
      <c r="F221" s="17"/>
      <c r="G221" s="17"/>
      <c r="H221" s="17"/>
      <c r="I221" s="17"/>
      <c r="J221" s="17"/>
      <c r="K221" s="17"/>
      <c r="L221" s="17"/>
      <c r="M221" s="16"/>
      <c r="N221" s="16"/>
      <c r="O221" s="16"/>
    </row>
    <row r="222" spans="1:15" x14ac:dyDescent="0.4">
      <c r="A222" s="13"/>
      <c r="B222" s="14"/>
      <c r="C222" s="15"/>
      <c r="D222" s="16"/>
      <c r="E222" s="17"/>
      <c r="F222" s="17"/>
      <c r="G222" s="17"/>
      <c r="H222" s="17"/>
      <c r="I222" s="17"/>
      <c r="J222" s="17"/>
      <c r="K222" s="17"/>
      <c r="L222" s="17"/>
      <c r="M222" s="16"/>
      <c r="N222" s="16"/>
      <c r="O222" s="16"/>
    </row>
    <row r="223" spans="1:15" x14ac:dyDescent="0.4">
      <c r="A223" s="13"/>
      <c r="B223" s="15"/>
      <c r="C223" s="15"/>
      <c r="D223" s="18"/>
      <c r="E223" s="19"/>
      <c r="F223" s="19"/>
      <c r="G223" s="19"/>
      <c r="H223" s="19"/>
      <c r="I223" s="19"/>
      <c r="J223" s="19"/>
      <c r="K223" s="19"/>
      <c r="L223" s="19"/>
      <c r="M223" s="18"/>
      <c r="N223" s="18"/>
      <c r="O223" s="18"/>
    </row>
    <row r="224" spans="1:15" x14ac:dyDescent="0.4">
      <c r="A224" s="13"/>
      <c r="B224" s="14"/>
      <c r="C224" s="15"/>
      <c r="D224" s="16"/>
      <c r="E224" s="17"/>
      <c r="F224" s="17"/>
      <c r="G224" s="17"/>
      <c r="H224" s="17"/>
      <c r="I224" s="17"/>
      <c r="J224" s="17"/>
      <c r="K224" s="17"/>
      <c r="L224" s="17"/>
      <c r="M224" s="16"/>
      <c r="N224" s="16"/>
      <c r="O224" s="16"/>
    </row>
    <row r="225" spans="1:15" x14ac:dyDescent="0.4">
      <c r="A225" s="13"/>
      <c r="B225" s="14"/>
      <c r="C225" s="15"/>
      <c r="D225" s="16"/>
      <c r="E225" s="17"/>
      <c r="F225" s="17"/>
      <c r="G225" s="17"/>
      <c r="H225" s="17"/>
      <c r="I225" s="17"/>
      <c r="J225" s="17"/>
      <c r="K225" s="17"/>
      <c r="L225" s="17"/>
      <c r="M225" s="16"/>
      <c r="N225" s="16"/>
      <c r="O225" s="16"/>
    </row>
    <row r="226" spans="1:15" x14ac:dyDescent="0.4">
      <c r="A226" s="13"/>
      <c r="B226" s="14"/>
      <c r="C226" s="15"/>
      <c r="D226" s="16"/>
      <c r="E226" s="17"/>
      <c r="F226" s="17"/>
      <c r="G226" s="17"/>
      <c r="H226" s="17"/>
      <c r="I226" s="17"/>
      <c r="J226" s="17"/>
      <c r="K226" s="17"/>
      <c r="L226" s="17"/>
      <c r="M226" s="16"/>
      <c r="N226" s="16"/>
      <c r="O226" s="16"/>
    </row>
    <row r="227" spans="1:15" x14ac:dyDescent="0.4">
      <c r="A227" s="13"/>
      <c r="B227" s="14"/>
      <c r="C227" s="15"/>
      <c r="D227" s="16"/>
      <c r="E227" s="17"/>
      <c r="F227" s="17"/>
      <c r="G227" s="17"/>
      <c r="H227" s="17"/>
      <c r="I227" s="17"/>
      <c r="J227" s="17"/>
      <c r="K227" s="17"/>
      <c r="L227" s="17"/>
      <c r="M227" s="16"/>
      <c r="N227" s="16"/>
      <c r="O227" s="16"/>
    </row>
    <row r="228" spans="1:15" x14ac:dyDescent="0.4">
      <c r="A228" s="13"/>
      <c r="B228" s="14"/>
      <c r="C228" s="15"/>
      <c r="D228" s="16"/>
      <c r="E228" s="17"/>
      <c r="F228" s="17"/>
      <c r="G228" s="17"/>
      <c r="H228" s="17"/>
      <c r="I228" s="17"/>
      <c r="J228" s="17"/>
      <c r="K228" s="17"/>
      <c r="L228" s="17"/>
      <c r="M228" s="16"/>
      <c r="N228" s="16"/>
      <c r="O228" s="16"/>
    </row>
    <row r="229" spans="1:15" s="21" customFormat="1" x14ac:dyDescent="0.4">
      <c r="A229" s="20"/>
      <c r="B229" s="14"/>
      <c r="C229" s="15"/>
      <c r="D229" s="16"/>
      <c r="E229" s="17"/>
      <c r="F229" s="17"/>
      <c r="G229" s="17"/>
      <c r="H229" s="17"/>
      <c r="I229" s="17"/>
      <c r="J229" s="17"/>
      <c r="K229" s="17"/>
      <c r="L229" s="17"/>
      <c r="M229" s="16"/>
      <c r="N229" s="16"/>
      <c r="O229" s="16"/>
    </row>
    <row r="230" spans="1:15" s="21" customFormat="1" x14ac:dyDescent="0.4">
      <c r="A230" s="20"/>
      <c r="B230" s="14"/>
      <c r="C230" s="15"/>
      <c r="D230" s="16"/>
      <c r="E230" s="17"/>
      <c r="F230" s="17"/>
      <c r="G230" s="17"/>
      <c r="H230" s="17"/>
      <c r="I230" s="17"/>
      <c r="J230" s="17"/>
      <c r="K230" s="17"/>
      <c r="L230" s="17"/>
      <c r="M230" s="16"/>
      <c r="N230" s="16"/>
      <c r="O230" s="16"/>
    </row>
    <row r="231" spans="1:15" s="21" customFormat="1" x14ac:dyDescent="0.4">
      <c r="A231" s="20"/>
      <c r="B231" s="14"/>
      <c r="C231" s="15"/>
      <c r="D231" s="16"/>
      <c r="E231" s="17"/>
      <c r="F231" s="17"/>
      <c r="G231" s="17"/>
      <c r="H231" s="17"/>
      <c r="I231" s="17"/>
      <c r="J231" s="17"/>
      <c r="K231" s="17"/>
      <c r="L231" s="17"/>
      <c r="M231" s="16"/>
    </row>
    <row r="232" spans="1:15" s="21" customFormat="1" x14ac:dyDescent="0.4">
      <c r="A232" s="20"/>
      <c r="B232" s="14"/>
      <c r="C232" s="15"/>
      <c r="D232" s="16"/>
      <c r="E232" s="17"/>
      <c r="F232" s="17"/>
      <c r="G232" s="17"/>
      <c r="H232" s="17"/>
      <c r="I232" s="17"/>
      <c r="J232" s="17"/>
      <c r="K232" s="17"/>
      <c r="L232" s="17"/>
      <c r="M232" s="16"/>
    </row>
    <row r="233" spans="1:15" s="21" customFormat="1" x14ac:dyDescent="0.4">
      <c r="A233" s="20"/>
      <c r="B233" s="14"/>
      <c r="C233" s="15"/>
      <c r="D233" s="16"/>
      <c r="E233" s="17"/>
      <c r="F233" s="17"/>
      <c r="G233" s="17"/>
      <c r="H233" s="17"/>
      <c r="I233" s="17"/>
      <c r="J233" s="17"/>
      <c r="K233" s="17"/>
      <c r="L233" s="17"/>
      <c r="M233" s="16"/>
    </row>
    <row r="234" spans="1:15" s="21" customFormat="1" x14ac:dyDescent="0.4">
      <c r="A234" s="20"/>
      <c r="B234" s="14"/>
      <c r="C234" s="15"/>
      <c r="D234" s="16"/>
      <c r="E234" s="17"/>
      <c r="F234" s="17"/>
      <c r="G234" s="17"/>
      <c r="H234" s="17"/>
      <c r="I234" s="17"/>
      <c r="J234" s="17"/>
      <c r="K234" s="17"/>
      <c r="L234" s="17"/>
      <c r="M234" s="16"/>
    </row>
    <row r="235" spans="1:15" s="21" customFormat="1" x14ac:dyDescent="0.4">
      <c r="A235" s="20"/>
      <c r="B235" s="14"/>
      <c r="C235" s="15"/>
      <c r="D235" s="16"/>
      <c r="E235" s="17"/>
      <c r="F235" s="17"/>
      <c r="G235" s="17"/>
      <c r="H235" s="17"/>
      <c r="I235" s="17"/>
      <c r="J235" s="17"/>
      <c r="K235" s="17"/>
      <c r="L235" s="17"/>
      <c r="M235" s="16"/>
    </row>
    <row r="236" spans="1:15" s="21" customFormat="1" x14ac:dyDescent="0.4">
      <c r="A236" s="20"/>
      <c r="B236" s="14"/>
      <c r="C236" s="15"/>
      <c r="D236" s="16"/>
      <c r="E236" s="17"/>
      <c r="F236" s="17"/>
      <c r="G236" s="17"/>
      <c r="H236" s="17"/>
      <c r="I236" s="17"/>
      <c r="J236" s="17"/>
      <c r="K236" s="17"/>
      <c r="L236" s="17"/>
      <c r="M236" s="16"/>
    </row>
    <row r="237" spans="1:15" s="21" customFormat="1" x14ac:dyDescent="0.4">
      <c r="A237" s="20"/>
      <c r="B237" s="14"/>
      <c r="C237" s="15"/>
      <c r="D237" s="16"/>
      <c r="E237" s="17"/>
      <c r="F237" s="17"/>
      <c r="G237" s="17"/>
      <c r="H237" s="17"/>
      <c r="I237" s="17"/>
      <c r="J237" s="17"/>
      <c r="K237" s="17"/>
      <c r="L237" s="17"/>
      <c r="M237" s="16"/>
    </row>
    <row r="238" spans="1:15" s="21" customFormat="1" x14ac:dyDescent="0.4">
      <c r="A238" s="20"/>
      <c r="B238" s="14"/>
      <c r="C238" s="15"/>
      <c r="D238" s="16"/>
      <c r="E238" s="17"/>
      <c r="F238" s="17"/>
      <c r="G238" s="17"/>
      <c r="H238" s="17"/>
      <c r="I238" s="17"/>
      <c r="J238" s="17"/>
      <c r="K238" s="17"/>
      <c r="L238" s="17"/>
      <c r="M238" s="16"/>
    </row>
    <row r="239" spans="1:15" s="21" customFormat="1" x14ac:dyDescent="0.4">
      <c r="A239" s="20"/>
      <c r="B239" s="14"/>
      <c r="C239" s="15"/>
      <c r="D239" s="16"/>
      <c r="E239" s="17"/>
      <c r="F239" s="17"/>
      <c r="G239" s="17"/>
      <c r="H239" s="17"/>
      <c r="I239" s="17"/>
      <c r="J239" s="17"/>
      <c r="K239" s="17"/>
      <c r="L239" s="17"/>
      <c r="M239" s="16"/>
    </row>
    <row r="240" spans="1:15" s="21" customFormat="1" x14ac:dyDescent="0.4">
      <c r="A240" s="20"/>
      <c r="B240" s="14"/>
      <c r="C240" s="15"/>
      <c r="D240" s="16"/>
      <c r="E240" s="17"/>
      <c r="F240" s="17"/>
      <c r="G240" s="17"/>
      <c r="H240" s="17"/>
      <c r="I240" s="17"/>
      <c r="J240" s="17"/>
      <c r="K240" s="17"/>
      <c r="L240" s="17"/>
      <c r="M240" s="16"/>
    </row>
    <row r="241" spans="1:13" s="21" customFormat="1" x14ac:dyDescent="0.4">
      <c r="A241" s="20"/>
      <c r="B241" s="14"/>
      <c r="C241" s="15"/>
      <c r="D241" s="16"/>
      <c r="E241" s="17"/>
      <c r="F241" s="17"/>
      <c r="G241" s="17"/>
      <c r="H241" s="17"/>
      <c r="I241" s="17"/>
      <c r="J241" s="17"/>
      <c r="K241" s="17"/>
      <c r="L241" s="17"/>
      <c r="M241" s="16"/>
    </row>
    <row r="242" spans="1:13" s="21" customFormat="1" x14ac:dyDescent="0.4">
      <c r="A242" s="20"/>
      <c r="B242" s="14"/>
      <c r="C242" s="15"/>
      <c r="D242" s="16"/>
      <c r="E242" s="17"/>
      <c r="F242" s="17"/>
      <c r="G242" s="17"/>
      <c r="H242" s="17"/>
      <c r="I242" s="17"/>
      <c r="J242" s="17"/>
      <c r="K242" s="17"/>
      <c r="L242" s="17"/>
      <c r="M242" s="16"/>
    </row>
    <row r="243" spans="1:13" s="21" customFormat="1" x14ac:dyDescent="0.4">
      <c r="A243" s="20"/>
      <c r="B243" s="14"/>
      <c r="C243" s="15"/>
      <c r="D243" s="16"/>
      <c r="E243" s="17"/>
      <c r="F243" s="17"/>
      <c r="G243" s="17"/>
      <c r="H243" s="17"/>
      <c r="I243" s="17"/>
      <c r="J243" s="17"/>
      <c r="K243" s="17"/>
      <c r="L243" s="17"/>
      <c r="M243" s="16"/>
    </row>
    <row r="244" spans="1:13" s="21" customFormat="1" x14ac:dyDescent="0.4">
      <c r="A244" s="20"/>
      <c r="B244" s="14"/>
      <c r="C244" s="15"/>
      <c r="D244" s="16"/>
      <c r="E244" s="17"/>
      <c r="F244" s="17"/>
      <c r="G244" s="17"/>
      <c r="H244" s="17"/>
      <c r="I244" s="17"/>
      <c r="J244" s="17"/>
      <c r="K244" s="17"/>
      <c r="L244" s="17"/>
      <c r="M244" s="16"/>
    </row>
    <row r="245" spans="1:13" s="21" customFormat="1" x14ac:dyDescent="0.4">
      <c r="A245" s="20"/>
      <c r="B245" s="14"/>
      <c r="C245" s="15"/>
      <c r="D245" s="16"/>
      <c r="E245" s="17"/>
      <c r="F245" s="17"/>
      <c r="G245" s="17"/>
      <c r="H245" s="17"/>
      <c r="I245" s="17"/>
      <c r="J245" s="17"/>
      <c r="K245" s="17"/>
      <c r="L245" s="17"/>
      <c r="M245" s="16"/>
    </row>
    <row r="246" spans="1:13" s="21" customFormat="1" x14ac:dyDescent="0.4">
      <c r="A246" s="20"/>
      <c r="B246" s="14"/>
      <c r="C246" s="15"/>
      <c r="D246" s="16"/>
      <c r="E246" s="17"/>
      <c r="F246" s="17"/>
      <c r="G246" s="17"/>
      <c r="H246" s="17"/>
      <c r="I246" s="17"/>
      <c r="J246" s="17"/>
      <c r="K246" s="17"/>
      <c r="L246" s="17"/>
      <c r="M246" s="16"/>
    </row>
    <row r="247" spans="1:13" s="21" customFormat="1" x14ac:dyDescent="0.4">
      <c r="A247" s="20"/>
      <c r="B247" s="14"/>
      <c r="C247" s="15"/>
      <c r="D247" s="16"/>
      <c r="E247" s="17"/>
      <c r="F247" s="17"/>
      <c r="G247" s="17"/>
      <c r="H247" s="17"/>
      <c r="I247" s="17"/>
      <c r="J247" s="17"/>
      <c r="K247" s="17"/>
      <c r="L247" s="17"/>
      <c r="M247" s="16"/>
    </row>
    <row r="248" spans="1:13" s="21" customFormat="1" x14ac:dyDescent="0.4">
      <c r="A248" s="20"/>
      <c r="B248" s="14"/>
      <c r="C248" s="15"/>
      <c r="D248" s="16"/>
      <c r="E248" s="17"/>
      <c r="F248" s="17"/>
      <c r="G248" s="17"/>
      <c r="H248" s="17"/>
      <c r="I248" s="17"/>
      <c r="J248" s="17"/>
      <c r="K248" s="17"/>
      <c r="L248" s="17"/>
      <c r="M248" s="16"/>
    </row>
    <row r="249" spans="1:13" s="21" customFormat="1" x14ac:dyDescent="0.4">
      <c r="A249" s="20"/>
      <c r="B249" s="14"/>
      <c r="C249" s="15"/>
      <c r="D249" s="16"/>
      <c r="E249" s="17"/>
      <c r="F249" s="17"/>
      <c r="G249" s="17"/>
      <c r="H249" s="17"/>
      <c r="I249" s="17"/>
      <c r="J249" s="17"/>
      <c r="K249" s="17"/>
      <c r="L249" s="17"/>
      <c r="M249" s="16"/>
    </row>
    <row r="250" spans="1:13" s="21" customFormat="1" x14ac:dyDescent="0.4">
      <c r="A250" s="20"/>
      <c r="B250" s="14"/>
      <c r="C250" s="15"/>
      <c r="D250" s="16"/>
      <c r="E250" s="17"/>
      <c r="F250" s="17"/>
      <c r="G250" s="17"/>
      <c r="H250" s="17"/>
      <c r="I250" s="17"/>
      <c r="J250" s="17"/>
      <c r="K250" s="17"/>
      <c r="L250" s="17"/>
      <c r="M250" s="16"/>
    </row>
    <row r="251" spans="1:13" s="21" customFormat="1" x14ac:dyDescent="0.4">
      <c r="A251" s="20"/>
      <c r="B251" s="14"/>
      <c r="C251" s="15"/>
      <c r="D251" s="16"/>
      <c r="E251" s="17"/>
      <c r="F251" s="17"/>
      <c r="G251" s="17"/>
      <c r="H251" s="17"/>
      <c r="I251" s="17"/>
      <c r="J251" s="17"/>
      <c r="K251" s="17"/>
      <c r="L251" s="17"/>
      <c r="M251" s="16"/>
    </row>
    <row r="252" spans="1:13" s="21" customFormat="1" x14ac:dyDescent="0.4">
      <c r="A252" s="20"/>
      <c r="B252" s="14"/>
      <c r="C252" s="15"/>
      <c r="D252" s="16"/>
      <c r="E252" s="17"/>
      <c r="F252" s="17"/>
      <c r="G252" s="17"/>
      <c r="H252" s="17"/>
      <c r="I252" s="17"/>
      <c r="J252" s="17"/>
      <c r="K252" s="17"/>
      <c r="L252" s="17"/>
      <c r="M252" s="16"/>
    </row>
    <row r="253" spans="1:13" s="21" customFormat="1" x14ac:dyDescent="0.4">
      <c r="A253" s="20"/>
      <c r="B253" s="14"/>
      <c r="C253" s="15"/>
      <c r="D253" s="16"/>
      <c r="E253" s="17"/>
      <c r="F253" s="17"/>
      <c r="G253" s="17"/>
      <c r="H253" s="17"/>
      <c r="I253" s="17"/>
      <c r="J253" s="17"/>
      <c r="K253" s="17"/>
      <c r="L253" s="17"/>
      <c r="M253" s="16"/>
    </row>
    <row r="254" spans="1:13" s="21" customFormat="1" x14ac:dyDescent="0.4">
      <c r="A254" s="20"/>
      <c r="B254" s="14"/>
      <c r="C254" s="15"/>
      <c r="D254" s="16"/>
      <c r="E254" s="17"/>
      <c r="F254" s="17"/>
      <c r="G254" s="17"/>
      <c r="H254" s="17"/>
      <c r="I254" s="17"/>
      <c r="J254" s="17"/>
      <c r="K254" s="17"/>
      <c r="L254" s="17"/>
      <c r="M254" s="16"/>
    </row>
    <row r="255" spans="1:13" s="21" customFormat="1" x14ac:dyDescent="0.4">
      <c r="A255" s="20"/>
      <c r="B255" s="14"/>
      <c r="C255" s="15"/>
      <c r="D255" s="16"/>
      <c r="E255" s="17"/>
      <c r="F255" s="17"/>
      <c r="G255" s="17"/>
      <c r="H255" s="17"/>
      <c r="I255" s="17"/>
      <c r="J255" s="17"/>
      <c r="K255" s="17"/>
      <c r="L255" s="17"/>
      <c r="M255" s="16"/>
    </row>
    <row r="256" spans="1:13" s="21" customFormat="1" x14ac:dyDescent="0.4">
      <c r="A256" s="20"/>
      <c r="B256" s="14"/>
      <c r="C256" s="15"/>
      <c r="D256" s="16"/>
      <c r="E256" s="17"/>
      <c r="F256" s="17"/>
      <c r="G256" s="17"/>
      <c r="H256" s="17"/>
      <c r="I256" s="17"/>
      <c r="J256" s="17"/>
      <c r="K256" s="17"/>
      <c r="L256" s="17"/>
      <c r="M256" s="16"/>
    </row>
    <row r="257" spans="1:13" s="21" customFormat="1" x14ac:dyDescent="0.4">
      <c r="A257" s="20"/>
      <c r="B257" s="14"/>
      <c r="C257" s="15"/>
      <c r="D257" s="16"/>
      <c r="E257" s="17"/>
      <c r="F257" s="17"/>
      <c r="G257" s="17"/>
      <c r="H257" s="17"/>
      <c r="I257" s="17"/>
      <c r="J257" s="17"/>
      <c r="K257" s="17"/>
      <c r="L257" s="17"/>
      <c r="M257" s="16"/>
    </row>
    <row r="258" spans="1:13" s="21" customFormat="1" x14ac:dyDescent="0.4">
      <c r="A258" s="20"/>
      <c r="B258" s="14"/>
      <c r="C258" s="15"/>
      <c r="D258" s="16"/>
      <c r="E258" s="17"/>
      <c r="F258" s="17"/>
      <c r="G258" s="17"/>
      <c r="H258" s="17"/>
      <c r="I258" s="17"/>
      <c r="J258" s="17"/>
      <c r="K258" s="17"/>
      <c r="L258" s="17"/>
      <c r="M258" s="16"/>
    </row>
    <row r="259" spans="1:13" s="21" customFormat="1" x14ac:dyDescent="0.4">
      <c r="A259" s="20"/>
      <c r="B259" s="14"/>
      <c r="C259" s="15"/>
      <c r="D259" s="16"/>
      <c r="E259" s="17"/>
      <c r="F259" s="17"/>
      <c r="G259" s="17"/>
      <c r="H259" s="17"/>
      <c r="I259" s="17"/>
      <c r="J259" s="17"/>
      <c r="K259" s="17"/>
      <c r="L259" s="17"/>
      <c r="M259" s="16"/>
    </row>
    <row r="260" spans="1:13" s="21" customFormat="1" x14ac:dyDescent="0.4">
      <c r="A260" s="20"/>
      <c r="B260" s="14"/>
      <c r="C260" s="15"/>
      <c r="D260" s="16"/>
      <c r="E260" s="17"/>
      <c r="F260" s="17"/>
      <c r="G260" s="17"/>
      <c r="H260" s="17"/>
      <c r="I260" s="17"/>
      <c r="J260" s="17"/>
      <c r="K260" s="17"/>
      <c r="L260" s="17"/>
      <c r="M260" s="16"/>
    </row>
    <row r="261" spans="1:13" s="21" customFormat="1" x14ac:dyDescent="0.4">
      <c r="A261" s="20"/>
      <c r="B261" s="14"/>
      <c r="C261" s="15"/>
      <c r="D261" s="16"/>
      <c r="E261" s="17"/>
      <c r="F261" s="17"/>
      <c r="G261" s="17"/>
      <c r="H261" s="17"/>
      <c r="I261" s="17"/>
      <c r="J261" s="17"/>
      <c r="K261" s="17"/>
      <c r="L261" s="17"/>
      <c r="M261" s="16"/>
    </row>
    <row r="262" spans="1:13" s="21" customFormat="1" x14ac:dyDescent="0.4">
      <c r="A262" s="20"/>
      <c r="B262" s="14"/>
      <c r="C262" s="15"/>
      <c r="D262" s="16"/>
      <c r="E262" s="17"/>
      <c r="F262" s="17"/>
      <c r="G262" s="17"/>
      <c r="H262" s="17"/>
      <c r="I262" s="17"/>
      <c r="J262" s="17"/>
      <c r="K262" s="17"/>
      <c r="L262" s="17"/>
      <c r="M262" s="16"/>
    </row>
    <row r="263" spans="1:13" s="21" customFormat="1" x14ac:dyDescent="0.4">
      <c r="A263" s="20"/>
      <c r="B263" s="14"/>
      <c r="C263" s="15"/>
      <c r="D263" s="16"/>
      <c r="E263" s="17"/>
      <c r="F263" s="17"/>
      <c r="G263" s="17"/>
      <c r="H263" s="17"/>
      <c r="I263" s="17"/>
      <c r="J263" s="17"/>
      <c r="K263" s="17"/>
      <c r="L263" s="17"/>
      <c r="M263" s="16"/>
    </row>
    <row r="264" spans="1:13" s="21" customFormat="1" x14ac:dyDescent="0.4">
      <c r="A264" s="20"/>
      <c r="B264" s="14"/>
      <c r="C264" s="15"/>
      <c r="D264" s="16"/>
      <c r="E264" s="17"/>
      <c r="F264" s="17"/>
      <c r="G264" s="17"/>
      <c r="H264" s="17"/>
      <c r="I264" s="17"/>
      <c r="J264" s="17"/>
      <c r="K264" s="17"/>
      <c r="L264" s="17"/>
      <c r="M264" s="16"/>
    </row>
    <row r="265" spans="1:13" s="21" customFormat="1" x14ac:dyDescent="0.4">
      <c r="A265" s="20"/>
      <c r="B265" s="14"/>
      <c r="C265" s="15"/>
      <c r="D265" s="16"/>
      <c r="E265" s="17"/>
      <c r="F265" s="17"/>
      <c r="G265" s="17"/>
      <c r="H265" s="17"/>
      <c r="I265" s="17"/>
      <c r="J265" s="17"/>
      <c r="K265" s="17"/>
      <c r="L265" s="17"/>
      <c r="M265" s="16"/>
    </row>
    <row r="266" spans="1:13" s="21" customFormat="1" x14ac:dyDescent="0.4">
      <c r="A266" s="20"/>
      <c r="B266" s="14"/>
      <c r="C266" s="15"/>
      <c r="D266" s="16"/>
      <c r="E266" s="17"/>
      <c r="F266" s="17"/>
      <c r="G266" s="17"/>
      <c r="H266" s="17"/>
      <c r="I266" s="17"/>
      <c r="J266" s="17"/>
      <c r="K266" s="17"/>
      <c r="L266" s="17"/>
      <c r="M266" s="16"/>
    </row>
    <row r="267" spans="1:13" s="21" customFormat="1" x14ac:dyDescent="0.4">
      <c r="A267" s="20"/>
      <c r="B267" s="14"/>
      <c r="C267" s="15"/>
      <c r="D267" s="16"/>
      <c r="E267" s="17"/>
      <c r="F267" s="17"/>
      <c r="G267" s="17"/>
      <c r="H267" s="17"/>
      <c r="I267" s="17"/>
      <c r="J267" s="17"/>
      <c r="K267" s="17"/>
      <c r="L267" s="17"/>
      <c r="M267" s="16"/>
    </row>
    <row r="268" spans="1:13" s="21" customFormat="1" x14ac:dyDescent="0.4">
      <c r="A268" s="20"/>
      <c r="B268" s="14"/>
      <c r="C268" s="15"/>
      <c r="D268" s="16"/>
      <c r="E268" s="17"/>
      <c r="F268" s="17"/>
      <c r="G268" s="17"/>
      <c r="H268" s="17"/>
      <c r="I268" s="17"/>
      <c r="J268" s="17"/>
      <c r="K268" s="17"/>
      <c r="L268" s="17"/>
      <c r="M268" s="16"/>
    </row>
    <row r="269" spans="1:13" s="21" customFormat="1" x14ac:dyDescent="0.4">
      <c r="A269" s="20"/>
      <c r="B269" s="14"/>
      <c r="C269" s="15"/>
      <c r="D269" s="16"/>
      <c r="E269" s="17"/>
      <c r="F269" s="17"/>
      <c r="G269" s="17"/>
      <c r="H269" s="17"/>
      <c r="I269" s="17"/>
      <c r="J269" s="17"/>
      <c r="K269" s="17"/>
      <c r="L269" s="17"/>
      <c r="M269" s="16"/>
    </row>
    <row r="270" spans="1:13" s="21" customFormat="1" x14ac:dyDescent="0.4">
      <c r="A270" s="20"/>
      <c r="B270" s="14"/>
      <c r="C270" s="15"/>
      <c r="D270" s="16"/>
      <c r="E270" s="17"/>
      <c r="F270" s="17"/>
      <c r="G270" s="17"/>
      <c r="H270" s="17"/>
      <c r="I270" s="17"/>
      <c r="J270" s="17"/>
      <c r="K270" s="17"/>
      <c r="L270" s="17"/>
      <c r="M270" s="16"/>
    </row>
    <row r="271" spans="1:13" s="21" customFormat="1" x14ac:dyDescent="0.4">
      <c r="A271" s="20"/>
      <c r="B271" s="14"/>
      <c r="C271" s="15"/>
      <c r="D271" s="16"/>
      <c r="E271" s="17"/>
      <c r="F271" s="17"/>
      <c r="G271" s="17"/>
      <c r="H271" s="17"/>
      <c r="I271" s="17"/>
      <c r="J271" s="17"/>
      <c r="K271" s="17"/>
      <c r="L271" s="17"/>
      <c r="M271" s="16"/>
    </row>
    <row r="272" spans="1:13" s="21" customFormat="1" x14ac:dyDescent="0.4">
      <c r="A272" s="20"/>
      <c r="B272" s="14"/>
      <c r="C272" s="15"/>
      <c r="D272" s="16"/>
      <c r="E272" s="17"/>
      <c r="F272" s="17"/>
      <c r="G272" s="17"/>
      <c r="H272" s="17"/>
      <c r="I272" s="17"/>
      <c r="J272" s="17"/>
      <c r="K272" s="17"/>
      <c r="L272" s="17"/>
      <c r="M272" s="16"/>
    </row>
    <row r="273" spans="1:13" s="21" customFormat="1" x14ac:dyDescent="0.4">
      <c r="A273" s="20"/>
      <c r="B273" s="14"/>
      <c r="C273" s="15"/>
      <c r="D273" s="16"/>
      <c r="E273" s="17"/>
      <c r="F273" s="17"/>
      <c r="G273" s="17"/>
      <c r="H273" s="17"/>
      <c r="I273" s="17"/>
      <c r="J273" s="17"/>
      <c r="K273" s="17"/>
      <c r="L273" s="17"/>
      <c r="M273" s="16"/>
    </row>
    <row r="274" spans="1:13" s="21" customFormat="1" x14ac:dyDescent="0.4">
      <c r="A274" s="20"/>
      <c r="B274" s="14"/>
      <c r="C274" s="15"/>
      <c r="D274" s="16"/>
      <c r="E274" s="17"/>
      <c r="F274" s="17"/>
      <c r="G274" s="17"/>
      <c r="H274" s="17"/>
      <c r="I274" s="17"/>
      <c r="J274" s="17"/>
      <c r="K274" s="17"/>
      <c r="L274" s="17"/>
      <c r="M274" s="16"/>
    </row>
    <row r="275" spans="1:13" s="21" customFormat="1" x14ac:dyDescent="0.4">
      <c r="A275" s="20"/>
      <c r="B275" s="14"/>
      <c r="C275" s="15"/>
      <c r="D275" s="16"/>
      <c r="E275" s="17"/>
      <c r="F275" s="17"/>
      <c r="G275" s="17"/>
      <c r="H275" s="17"/>
      <c r="I275" s="17"/>
      <c r="J275" s="17"/>
      <c r="K275" s="17"/>
      <c r="L275" s="17"/>
      <c r="M275" s="16"/>
    </row>
    <row r="276" spans="1:13" s="21" customFormat="1" x14ac:dyDescent="0.4">
      <c r="A276" s="20"/>
      <c r="B276" s="14"/>
      <c r="C276" s="15"/>
      <c r="D276" s="16"/>
      <c r="E276" s="17"/>
      <c r="F276" s="17"/>
      <c r="G276" s="17"/>
      <c r="H276" s="17"/>
      <c r="I276" s="17"/>
      <c r="J276" s="17"/>
      <c r="K276" s="17"/>
      <c r="L276" s="17"/>
      <c r="M276" s="16"/>
    </row>
    <row r="277" spans="1:13" s="21" customFormat="1" x14ac:dyDescent="0.4">
      <c r="A277" s="20"/>
      <c r="B277" s="14"/>
      <c r="C277" s="15"/>
      <c r="D277" s="16"/>
      <c r="E277" s="17"/>
      <c r="F277" s="17"/>
      <c r="G277" s="17"/>
      <c r="H277" s="17"/>
      <c r="I277" s="17"/>
      <c r="J277" s="17"/>
      <c r="K277" s="17"/>
      <c r="L277" s="17"/>
      <c r="M277" s="16"/>
    </row>
    <row r="278" spans="1:13" s="21" customFormat="1" x14ac:dyDescent="0.4">
      <c r="A278" s="20"/>
      <c r="B278" s="14"/>
      <c r="C278" s="15"/>
      <c r="D278" s="16"/>
      <c r="E278" s="17"/>
      <c r="F278" s="17"/>
      <c r="G278" s="17"/>
      <c r="H278" s="17"/>
      <c r="I278" s="17"/>
      <c r="J278" s="17"/>
      <c r="K278" s="17"/>
      <c r="L278" s="17"/>
      <c r="M278" s="16"/>
    </row>
    <row r="279" spans="1:13" s="21" customFormat="1" x14ac:dyDescent="0.4">
      <c r="A279" s="20"/>
      <c r="B279" s="14"/>
      <c r="C279" s="15"/>
      <c r="D279" s="16"/>
      <c r="E279" s="17"/>
      <c r="F279" s="17"/>
      <c r="G279" s="17"/>
      <c r="H279" s="17"/>
      <c r="I279" s="17"/>
      <c r="J279" s="17"/>
      <c r="K279" s="17"/>
      <c r="L279" s="17"/>
      <c r="M279" s="16"/>
    </row>
    <row r="280" spans="1:13" s="21" customFormat="1" x14ac:dyDescent="0.4">
      <c r="A280" s="20"/>
      <c r="B280" s="14"/>
      <c r="C280" s="15"/>
      <c r="D280" s="16"/>
      <c r="E280" s="17"/>
      <c r="F280" s="17"/>
      <c r="G280" s="17"/>
      <c r="H280" s="17"/>
      <c r="I280" s="17"/>
      <c r="J280" s="17"/>
      <c r="K280" s="17"/>
      <c r="L280" s="17"/>
      <c r="M280" s="16"/>
    </row>
    <row r="281" spans="1:13" s="21" customFormat="1" x14ac:dyDescent="0.4">
      <c r="A281" s="20"/>
      <c r="B281" s="14"/>
      <c r="C281" s="15"/>
      <c r="D281" s="16"/>
      <c r="E281" s="17"/>
      <c r="F281" s="17"/>
      <c r="G281" s="17"/>
      <c r="H281" s="17"/>
      <c r="I281" s="17"/>
      <c r="J281" s="17"/>
      <c r="K281" s="17"/>
      <c r="L281" s="17"/>
      <c r="M281" s="16"/>
    </row>
    <row r="282" spans="1:13" s="21" customFormat="1" x14ac:dyDescent="0.4">
      <c r="A282" s="20"/>
      <c r="B282" s="14"/>
      <c r="C282" s="15"/>
      <c r="D282" s="16"/>
      <c r="E282" s="17"/>
      <c r="F282" s="17"/>
      <c r="G282" s="17"/>
      <c r="H282" s="17"/>
      <c r="I282" s="17"/>
      <c r="J282" s="17"/>
      <c r="K282" s="17"/>
      <c r="L282" s="17"/>
      <c r="M282" s="16"/>
    </row>
    <row r="283" spans="1:13" s="21" customFormat="1" x14ac:dyDescent="0.4">
      <c r="A283" s="20"/>
      <c r="B283" s="14"/>
      <c r="C283" s="15"/>
      <c r="D283" s="16"/>
      <c r="E283" s="17"/>
      <c r="F283" s="17"/>
      <c r="G283" s="17"/>
      <c r="H283" s="17"/>
      <c r="I283" s="17"/>
      <c r="J283" s="17"/>
      <c r="K283" s="17"/>
      <c r="L283" s="17"/>
      <c r="M283" s="16"/>
    </row>
    <row r="284" spans="1:13" s="21" customFormat="1" x14ac:dyDescent="0.4">
      <c r="A284" s="20"/>
      <c r="B284" s="14"/>
      <c r="C284" s="15"/>
      <c r="D284" s="16"/>
      <c r="E284" s="17"/>
      <c r="F284" s="17"/>
      <c r="G284" s="17"/>
      <c r="H284" s="17"/>
      <c r="I284" s="17"/>
      <c r="J284" s="17"/>
      <c r="K284" s="17"/>
      <c r="L284" s="17"/>
      <c r="M284" s="16"/>
    </row>
    <row r="285" spans="1:13" s="21" customFormat="1" x14ac:dyDescent="0.4">
      <c r="A285" s="20"/>
      <c r="B285" s="14"/>
      <c r="C285" s="15"/>
      <c r="D285" s="16"/>
      <c r="E285" s="17"/>
      <c r="F285" s="17"/>
      <c r="G285" s="17"/>
      <c r="H285" s="17"/>
      <c r="I285" s="17"/>
      <c r="J285" s="17"/>
      <c r="K285" s="17"/>
      <c r="L285" s="17"/>
      <c r="M285" s="16"/>
    </row>
    <row r="286" spans="1:13" s="21" customFormat="1" x14ac:dyDescent="0.4">
      <c r="A286" s="20"/>
      <c r="B286" s="14"/>
      <c r="C286" s="15"/>
      <c r="D286" s="16"/>
      <c r="E286" s="17"/>
      <c r="F286" s="17"/>
      <c r="G286" s="17"/>
      <c r="H286" s="17"/>
      <c r="I286" s="17"/>
      <c r="J286" s="17"/>
      <c r="K286" s="17"/>
      <c r="L286" s="17"/>
      <c r="M286" s="16"/>
    </row>
    <row r="287" spans="1:13" s="21" customFormat="1" x14ac:dyDescent="0.4">
      <c r="A287" s="20"/>
      <c r="B287" s="14"/>
      <c r="C287" s="15"/>
      <c r="D287" s="16"/>
      <c r="E287" s="17"/>
      <c r="F287" s="17"/>
      <c r="G287" s="17"/>
      <c r="H287" s="17"/>
      <c r="I287" s="17"/>
      <c r="J287" s="17"/>
      <c r="K287" s="17"/>
      <c r="L287" s="17"/>
      <c r="M287" s="16"/>
    </row>
    <row r="288" spans="1:13" s="21" customFormat="1" x14ac:dyDescent="0.4">
      <c r="A288" s="20"/>
      <c r="B288" s="14"/>
      <c r="C288" s="15"/>
      <c r="D288" s="16"/>
      <c r="E288" s="17"/>
      <c r="F288" s="17"/>
      <c r="G288" s="17"/>
      <c r="H288" s="17"/>
      <c r="I288" s="17"/>
      <c r="J288" s="17"/>
      <c r="K288" s="17"/>
      <c r="L288" s="17"/>
      <c r="M288" s="16"/>
    </row>
    <row r="289" spans="1:13" s="21" customFormat="1" x14ac:dyDescent="0.4">
      <c r="A289" s="20"/>
      <c r="B289" s="14"/>
      <c r="C289" s="15"/>
      <c r="D289" s="16"/>
      <c r="E289" s="17"/>
      <c r="F289" s="17"/>
      <c r="G289" s="17"/>
      <c r="H289" s="17"/>
      <c r="I289" s="17"/>
      <c r="J289" s="17"/>
      <c r="K289" s="17"/>
      <c r="L289" s="17"/>
      <c r="M289" s="16"/>
    </row>
    <row r="290" spans="1:13" s="21" customFormat="1" x14ac:dyDescent="0.4">
      <c r="A290" s="20"/>
      <c r="B290" s="14"/>
      <c r="C290" s="15"/>
      <c r="D290" s="16"/>
      <c r="E290" s="17"/>
      <c r="F290" s="17"/>
      <c r="G290" s="17"/>
      <c r="H290" s="17"/>
      <c r="I290" s="17"/>
      <c r="J290" s="17"/>
      <c r="K290" s="17"/>
      <c r="L290" s="17"/>
      <c r="M290" s="16"/>
    </row>
    <row r="291" spans="1:13" s="21" customFormat="1" x14ac:dyDescent="0.4">
      <c r="A291" s="20"/>
      <c r="B291" s="14"/>
      <c r="C291" s="15"/>
      <c r="D291" s="16"/>
      <c r="E291" s="17"/>
      <c r="F291" s="17"/>
      <c r="G291" s="17"/>
      <c r="H291" s="17"/>
      <c r="I291" s="17"/>
      <c r="J291" s="17"/>
      <c r="K291" s="17"/>
      <c r="L291" s="17"/>
      <c r="M291" s="16"/>
    </row>
    <row r="292" spans="1:13" s="21" customFormat="1" x14ac:dyDescent="0.4">
      <c r="A292" s="20"/>
      <c r="B292" s="14"/>
      <c r="C292" s="15"/>
      <c r="D292" s="16"/>
      <c r="E292" s="17"/>
      <c r="F292" s="17"/>
      <c r="G292" s="17"/>
      <c r="H292" s="17"/>
      <c r="I292" s="17"/>
      <c r="J292" s="17"/>
      <c r="K292" s="17"/>
      <c r="L292" s="17"/>
      <c r="M292" s="16"/>
    </row>
    <row r="293" spans="1:13" s="21" customFormat="1" x14ac:dyDescent="0.4">
      <c r="A293" s="20"/>
      <c r="B293" s="14"/>
      <c r="C293" s="15"/>
      <c r="D293" s="16"/>
      <c r="E293" s="17"/>
      <c r="F293" s="17"/>
      <c r="G293" s="17"/>
      <c r="H293" s="17"/>
      <c r="I293" s="17"/>
      <c r="J293" s="17"/>
      <c r="K293" s="17"/>
      <c r="L293" s="17"/>
      <c r="M293" s="16"/>
    </row>
    <row r="294" spans="1:13" s="21" customFormat="1" x14ac:dyDescent="0.4">
      <c r="A294" s="20"/>
      <c r="B294" s="14"/>
      <c r="C294" s="15"/>
      <c r="D294" s="16"/>
      <c r="E294" s="17"/>
      <c r="F294" s="17"/>
      <c r="G294" s="17"/>
      <c r="H294" s="17"/>
      <c r="I294" s="17"/>
      <c r="J294" s="17"/>
      <c r="K294" s="17"/>
      <c r="L294" s="17"/>
      <c r="M294" s="16"/>
    </row>
    <row r="295" spans="1:13" s="21" customFormat="1" x14ac:dyDescent="0.4">
      <c r="A295" s="20"/>
      <c r="B295" s="14"/>
      <c r="C295" s="15"/>
      <c r="D295" s="16"/>
      <c r="E295" s="17"/>
      <c r="F295" s="17"/>
      <c r="G295" s="17"/>
      <c r="H295" s="17"/>
      <c r="I295" s="17"/>
      <c r="J295" s="17"/>
      <c r="K295" s="17"/>
      <c r="L295" s="17"/>
      <c r="M295" s="16"/>
    </row>
    <row r="296" spans="1:13" s="21" customFormat="1" x14ac:dyDescent="0.4">
      <c r="A296" s="20"/>
      <c r="B296" s="14"/>
      <c r="C296" s="15"/>
      <c r="D296" s="16"/>
      <c r="E296" s="17"/>
      <c r="F296" s="17"/>
      <c r="G296" s="17"/>
      <c r="H296" s="17"/>
      <c r="I296" s="17"/>
      <c r="J296" s="17"/>
      <c r="K296" s="17"/>
      <c r="L296" s="17"/>
      <c r="M296" s="16"/>
    </row>
    <row r="297" spans="1:13" s="21" customFormat="1" x14ac:dyDescent="0.4">
      <c r="A297" s="20"/>
      <c r="B297" s="14"/>
      <c r="C297" s="15"/>
      <c r="D297" s="16"/>
      <c r="E297" s="17"/>
      <c r="F297" s="17"/>
      <c r="G297" s="17"/>
      <c r="H297" s="17"/>
      <c r="I297" s="17"/>
      <c r="J297" s="17"/>
      <c r="K297" s="17"/>
      <c r="L297" s="17"/>
      <c r="M297" s="16"/>
    </row>
    <row r="298" spans="1:13" s="21" customFormat="1" x14ac:dyDescent="0.4">
      <c r="A298" s="20"/>
      <c r="B298" s="14"/>
      <c r="C298" s="15"/>
      <c r="D298" s="16"/>
      <c r="E298" s="17"/>
      <c r="F298" s="17"/>
      <c r="G298" s="17"/>
      <c r="H298" s="17"/>
      <c r="I298" s="17"/>
      <c r="J298" s="17"/>
      <c r="K298" s="17"/>
      <c r="L298" s="17"/>
      <c r="M298" s="16"/>
    </row>
    <row r="299" spans="1:13" s="21" customFormat="1" x14ac:dyDescent="0.4">
      <c r="A299" s="20"/>
      <c r="B299" s="14"/>
      <c r="C299" s="15"/>
      <c r="D299" s="16"/>
      <c r="E299" s="17"/>
      <c r="F299" s="17"/>
      <c r="G299" s="17"/>
      <c r="H299" s="17"/>
      <c r="I299" s="17"/>
      <c r="J299" s="17"/>
      <c r="K299" s="17"/>
      <c r="L299" s="17"/>
      <c r="M299" s="16"/>
    </row>
    <row r="300" spans="1:13" s="21" customFormat="1" x14ac:dyDescent="0.4">
      <c r="A300" s="20"/>
      <c r="B300" s="14"/>
      <c r="C300" s="15"/>
      <c r="D300" s="16"/>
      <c r="E300" s="17"/>
      <c r="F300" s="17"/>
      <c r="G300" s="17"/>
      <c r="H300" s="17"/>
      <c r="I300" s="17"/>
      <c r="J300" s="17"/>
      <c r="K300" s="17"/>
      <c r="L300" s="17"/>
      <c r="M300" s="16"/>
    </row>
    <row r="301" spans="1:13" s="21" customFormat="1" x14ac:dyDescent="0.4">
      <c r="A301" s="20"/>
      <c r="B301" s="14"/>
      <c r="C301" s="15"/>
      <c r="D301" s="16"/>
      <c r="E301" s="17"/>
      <c r="F301" s="17"/>
      <c r="G301" s="17"/>
      <c r="H301" s="17"/>
      <c r="I301" s="17"/>
      <c r="J301" s="17"/>
      <c r="K301" s="17"/>
      <c r="L301" s="17"/>
      <c r="M301" s="16"/>
    </row>
    <row r="302" spans="1:13" s="21" customFormat="1" x14ac:dyDescent="0.4">
      <c r="A302" s="20"/>
      <c r="B302" s="14"/>
      <c r="C302" s="15"/>
      <c r="D302" s="16"/>
      <c r="E302" s="17"/>
      <c r="F302" s="17"/>
      <c r="G302" s="17"/>
      <c r="H302" s="17"/>
      <c r="I302" s="17"/>
      <c r="J302" s="17"/>
      <c r="K302" s="17"/>
      <c r="L302" s="17"/>
      <c r="M302" s="16"/>
    </row>
    <row r="303" spans="1:13" s="21" customFormat="1" x14ac:dyDescent="0.4">
      <c r="A303" s="20"/>
      <c r="B303" s="14"/>
      <c r="C303" s="15"/>
      <c r="D303" s="16"/>
      <c r="E303" s="17"/>
      <c r="F303" s="17"/>
      <c r="G303" s="17"/>
      <c r="H303" s="17"/>
      <c r="I303" s="17"/>
      <c r="J303" s="17"/>
      <c r="K303" s="17"/>
      <c r="L303" s="17"/>
      <c r="M303" s="16"/>
    </row>
    <row r="304" spans="1:13" s="21" customFormat="1" x14ac:dyDescent="0.4">
      <c r="A304" s="20"/>
      <c r="B304" s="14"/>
      <c r="C304" s="15"/>
      <c r="D304" s="16"/>
      <c r="E304" s="17"/>
      <c r="F304" s="17"/>
      <c r="G304" s="17"/>
      <c r="H304" s="17"/>
      <c r="I304" s="17"/>
      <c r="J304" s="17"/>
      <c r="K304" s="17"/>
      <c r="L304" s="17"/>
      <c r="M304" s="16"/>
    </row>
    <row r="305" spans="1:13" s="21" customFormat="1" x14ac:dyDescent="0.4">
      <c r="A305" s="20"/>
      <c r="B305" s="14"/>
      <c r="C305" s="15"/>
      <c r="D305" s="16"/>
      <c r="E305" s="17"/>
      <c r="F305" s="17"/>
      <c r="G305" s="17"/>
      <c r="H305" s="17"/>
      <c r="I305" s="17"/>
      <c r="J305" s="17"/>
      <c r="K305" s="17"/>
      <c r="L305" s="17"/>
      <c r="M305" s="16"/>
    </row>
    <row r="306" spans="1:13" s="21" customFormat="1" x14ac:dyDescent="0.4">
      <c r="A306" s="20"/>
      <c r="B306" s="14"/>
      <c r="C306" s="15"/>
      <c r="D306" s="16"/>
      <c r="E306" s="17"/>
      <c r="F306" s="17"/>
      <c r="G306" s="17"/>
      <c r="H306" s="17"/>
      <c r="I306" s="17"/>
      <c r="J306" s="17"/>
      <c r="K306" s="17"/>
      <c r="L306" s="17"/>
      <c r="M306" s="16"/>
    </row>
    <row r="307" spans="1:13" s="21" customFormat="1" x14ac:dyDescent="0.4">
      <c r="A307" s="20"/>
      <c r="B307" s="14"/>
      <c r="C307" s="15"/>
      <c r="D307" s="16"/>
      <c r="E307" s="17"/>
      <c r="F307" s="17"/>
      <c r="G307" s="17"/>
      <c r="H307" s="17"/>
      <c r="I307" s="17"/>
      <c r="J307" s="17"/>
      <c r="K307" s="17"/>
      <c r="L307" s="17"/>
      <c r="M307" s="16"/>
    </row>
    <row r="308" spans="1:13" s="21" customFormat="1" x14ac:dyDescent="0.4">
      <c r="A308" s="20"/>
      <c r="B308" s="14"/>
      <c r="C308" s="15"/>
      <c r="D308" s="16"/>
      <c r="E308" s="17"/>
      <c r="F308" s="17"/>
      <c r="G308" s="17"/>
      <c r="H308" s="17"/>
      <c r="I308" s="17"/>
      <c r="J308" s="17"/>
      <c r="K308" s="17"/>
      <c r="L308" s="17"/>
      <c r="M308" s="16"/>
    </row>
    <row r="309" spans="1:13" s="21" customFormat="1" x14ac:dyDescent="0.4">
      <c r="A309" s="20"/>
      <c r="B309" s="14"/>
      <c r="C309" s="15"/>
      <c r="D309" s="16"/>
      <c r="E309" s="17"/>
      <c r="F309" s="17"/>
      <c r="G309" s="17"/>
      <c r="H309" s="17"/>
      <c r="I309" s="17"/>
      <c r="J309" s="17"/>
      <c r="K309" s="17"/>
      <c r="L309" s="17"/>
      <c r="M309" s="16"/>
    </row>
    <row r="310" spans="1:13" s="21" customFormat="1" x14ac:dyDescent="0.4">
      <c r="A310" s="20"/>
      <c r="B310" s="14"/>
      <c r="C310" s="15"/>
      <c r="D310" s="16"/>
      <c r="E310" s="17"/>
      <c r="F310" s="17"/>
      <c r="G310" s="17"/>
      <c r="H310" s="17"/>
      <c r="I310" s="17"/>
      <c r="J310" s="17"/>
      <c r="K310" s="17"/>
      <c r="L310" s="17"/>
      <c r="M310" s="16"/>
    </row>
    <row r="311" spans="1:13" s="21" customFormat="1" x14ac:dyDescent="0.4">
      <c r="A311" s="20"/>
      <c r="B311" s="14"/>
      <c r="C311" s="15"/>
      <c r="D311" s="16"/>
      <c r="E311" s="17"/>
      <c r="F311" s="17"/>
      <c r="G311" s="17"/>
      <c r="H311" s="17"/>
      <c r="I311" s="17"/>
      <c r="J311" s="17"/>
      <c r="K311" s="17"/>
      <c r="L311" s="17"/>
      <c r="M311" s="16"/>
    </row>
    <row r="312" spans="1:13" s="21" customFormat="1" x14ac:dyDescent="0.4">
      <c r="A312" s="20"/>
      <c r="B312" s="14"/>
      <c r="C312" s="15"/>
      <c r="D312" s="16"/>
      <c r="E312" s="17"/>
      <c r="F312" s="17"/>
      <c r="G312" s="17"/>
      <c r="H312" s="17"/>
      <c r="I312" s="17"/>
      <c r="J312" s="17"/>
      <c r="K312" s="17"/>
      <c r="L312" s="17"/>
      <c r="M312" s="16"/>
    </row>
    <row r="313" spans="1:13" s="21" customFormat="1" x14ac:dyDescent="0.4">
      <c r="A313" s="20"/>
      <c r="B313" s="14"/>
      <c r="C313" s="15"/>
      <c r="D313" s="16"/>
      <c r="E313" s="17"/>
      <c r="F313" s="17"/>
      <c r="G313" s="17"/>
      <c r="H313" s="17"/>
      <c r="I313" s="17"/>
      <c r="J313" s="17"/>
      <c r="K313" s="17"/>
      <c r="L313" s="17"/>
      <c r="M313" s="16"/>
    </row>
    <row r="314" spans="1:13" s="21" customFormat="1" x14ac:dyDescent="0.4">
      <c r="A314" s="20"/>
      <c r="B314" s="14"/>
      <c r="C314" s="15"/>
      <c r="D314" s="16"/>
      <c r="E314" s="17"/>
      <c r="F314" s="17"/>
      <c r="G314" s="17"/>
      <c r="H314" s="17"/>
      <c r="I314" s="17"/>
      <c r="J314" s="17"/>
      <c r="K314" s="17"/>
      <c r="L314" s="17"/>
      <c r="M314" s="16"/>
    </row>
    <row r="315" spans="1:13" s="21" customFormat="1" x14ac:dyDescent="0.4">
      <c r="A315" s="20"/>
      <c r="B315" s="14"/>
      <c r="C315" s="15"/>
      <c r="D315" s="16"/>
      <c r="E315" s="17"/>
      <c r="F315" s="17"/>
      <c r="G315" s="17"/>
      <c r="H315" s="17"/>
      <c r="I315" s="17"/>
      <c r="J315" s="17"/>
      <c r="K315" s="17"/>
      <c r="L315" s="17"/>
      <c r="M315" s="16"/>
    </row>
    <row r="316" spans="1:13" s="21" customFormat="1" x14ac:dyDescent="0.4">
      <c r="A316" s="22"/>
      <c r="B316" s="22"/>
      <c r="C316" s="22"/>
      <c r="D316" s="16"/>
      <c r="E316" s="16"/>
      <c r="F316" s="16"/>
      <c r="G316" s="16"/>
      <c r="H316" s="16"/>
      <c r="I316" s="16"/>
      <c r="J316" s="16"/>
      <c r="K316" s="16"/>
      <c r="L316" s="16"/>
      <c r="M316" s="16"/>
    </row>
    <row r="317" spans="1:13" s="21" customFormat="1" x14ac:dyDescent="0.4">
      <c r="A317" s="22"/>
      <c r="B317" s="22"/>
      <c r="C317" s="22"/>
      <c r="D317" s="16"/>
      <c r="E317" s="16"/>
      <c r="F317" s="16"/>
      <c r="G317" s="16"/>
      <c r="H317" s="16"/>
      <c r="I317" s="16"/>
      <c r="J317" s="16"/>
      <c r="K317" s="16"/>
      <c r="L317" s="16"/>
      <c r="M317" s="16"/>
    </row>
    <row r="318" spans="1:13" s="21" customFormat="1" x14ac:dyDescent="0.4">
      <c r="A318" s="22"/>
      <c r="B318" s="22"/>
      <c r="C318" s="22"/>
      <c r="D318" s="16"/>
      <c r="E318" s="16"/>
      <c r="F318" s="16"/>
      <c r="G318" s="16"/>
      <c r="H318" s="16"/>
      <c r="I318" s="16"/>
      <c r="J318" s="16"/>
      <c r="K318" s="16"/>
      <c r="L318" s="16"/>
      <c r="M318" s="16"/>
    </row>
    <row r="319" spans="1:13" s="21" customFormat="1" x14ac:dyDescent="0.4">
      <c r="A319" s="22"/>
      <c r="B319" s="22"/>
      <c r="C319" s="22"/>
      <c r="D319" s="16"/>
      <c r="E319" s="16"/>
      <c r="F319" s="16"/>
      <c r="G319" s="16"/>
      <c r="H319" s="16"/>
      <c r="I319" s="16"/>
      <c r="J319" s="16"/>
      <c r="K319" s="16"/>
      <c r="L319" s="16"/>
      <c r="M319" s="16"/>
    </row>
    <row r="320" spans="1:13" s="21" customFormat="1" x14ac:dyDescent="0.4">
      <c r="A320" s="22"/>
      <c r="B320" s="22"/>
      <c r="C320" s="22"/>
      <c r="D320" s="16"/>
      <c r="E320" s="16"/>
      <c r="F320" s="16"/>
      <c r="G320" s="16"/>
      <c r="H320" s="16"/>
      <c r="I320" s="16"/>
      <c r="J320" s="16"/>
      <c r="K320" s="16"/>
      <c r="L320" s="16"/>
      <c r="M320" s="16"/>
    </row>
    <row r="321" spans="1:13" s="21" customFormat="1" x14ac:dyDescent="0.4">
      <c r="A321" s="22"/>
      <c r="B321" s="22"/>
      <c r="C321" s="22"/>
      <c r="D321" s="16"/>
      <c r="E321" s="16"/>
      <c r="F321" s="16"/>
      <c r="G321" s="16"/>
      <c r="H321" s="16"/>
      <c r="I321" s="16"/>
      <c r="J321" s="16"/>
      <c r="K321" s="16"/>
      <c r="L321" s="16"/>
      <c r="M321" s="16"/>
    </row>
    <row r="322" spans="1:13" s="21" customFormat="1" x14ac:dyDescent="0.4">
      <c r="A322" s="22"/>
      <c r="B322" s="22"/>
      <c r="C322" s="22"/>
      <c r="D322" s="16"/>
      <c r="E322" s="16"/>
      <c r="F322" s="16"/>
      <c r="G322" s="16"/>
      <c r="H322" s="16"/>
      <c r="I322" s="16"/>
      <c r="J322" s="16"/>
      <c r="K322" s="16"/>
      <c r="L322" s="16"/>
      <c r="M322" s="16"/>
    </row>
    <row r="323" spans="1:13" s="21" customFormat="1" x14ac:dyDescent="0.4">
      <c r="A323" s="22"/>
      <c r="B323" s="22"/>
      <c r="C323" s="22"/>
      <c r="D323" s="16"/>
      <c r="E323" s="16"/>
      <c r="F323" s="16"/>
      <c r="G323" s="16"/>
      <c r="H323" s="16"/>
      <c r="I323" s="16"/>
      <c r="J323" s="16"/>
      <c r="K323" s="16"/>
      <c r="L323" s="16"/>
      <c r="M323" s="16"/>
    </row>
    <row r="324" spans="1:13" s="21" customFormat="1" x14ac:dyDescent="0.4">
      <c r="A324" s="22"/>
      <c r="B324" s="22"/>
      <c r="C324" s="22"/>
      <c r="D324" s="16"/>
      <c r="E324" s="16"/>
      <c r="F324" s="16"/>
      <c r="G324" s="16"/>
      <c r="H324" s="16"/>
      <c r="I324" s="16"/>
      <c r="J324" s="16"/>
      <c r="K324" s="16"/>
      <c r="L324" s="16"/>
      <c r="M324" s="16"/>
    </row>
    <row r="325" spans="1:13" s="21" customFormat="1" x14ac:dyDescent="0.4">
      <c r="A325" s="22"/>
      <c r="B325" s="22"/>
      <c r="C325" s="22"/>
      <c r="D325" s="16"/>
      <c r="E325" s="16"/>
      <c r="F325" s="16"/>
      <c r="G325" s="16"/>
      <c r="H325" s="16"/>
      <c r="I325" s="16"/>
      <c r="J325" s="16"/>
      <c r="K325" s="16"/>
      <c r="L325" s="16"/>
      <c r="M325" s="16"/>
    </row>
  </sheetData>
  <mergeCells count="27">
    <mergeCell ref="A159:A168"/>
    <mergeCell ref="A169:A172"/>
    <mergeCell ref="A173:A180"/>
    <mergeCell ref="A108:A116"/>
    <mergeCell ref="A117:A127"/>
    <mergeCell ref="A128:A133"/>
    <mergeCell ref="A134:A141"/>
    <mergeCell ref="A142:A147"/>
    <mergeCell ref="A148:A158"/>
    <mergeCell ref="A68:A71"/>
    <mergeCell ref="A72:A80"/>
    <mergeCell ref="A81:A90"/>
    <mergeCell ref="A91:A96"/>
    <mergeCell ref="A97:A104"/>
    <mergeCell ref="A105:A107"/>
    <mergeCell ref="A25:A28"/>
    <mergeCell ref="A29:A46"/>
    <mergeCell ref="A47:A54"/>
    <mergeCell ref="A55:A58"/>
    <mergeCell ref="A59:A63"/>
    <mergeCell ref="A64:A67"/>
    <mergeCell ref="A2:D2"/>
    <mergeCell ref="A4:D4"/>
    <mergeCell ref="A5:D5"/>
    <mergeCell ref="A7:A14"/>
    <mergeCell ref="A15:A21"/>
    <mergeCell ref="A22:A24"/>
  </mergeCells>
  <phoneticPr fontId="3"/>
  <conditionalFormatting sqref="T7:T180">
    <cfRule type="cellIs" dxfId="0" priority="1" operator="equal">
      <formula>0</formula>
    </cfRule>
  </conditionalFormatting>
  <pageMargins left="0.25" right="0.25" top="0.75" bottom="0.75" header="0.3" footer="0.3"/>
  <pageSetup paperSize="8" scale="73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肺</vt:lpstr>
      <vt:lpstr>肺!Print_Area</vt:lpstr>
      <vt:lpstr>肺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3-17T05:44:08Z</cp:lastPrinted>
  <dcterms:created xsi:type="dcterms:W3CDTF">2022-03-17T05:40:44Z</dcterms:created>
  <dcterms:modified xsi:type="dcterms:W3CDTF">2022-03-17T05:44:22Z</dcterms:modified>
</cp:coreProperties>
</file>